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queryTables/queryTable1.xml" ContentType="application/vnd.openxmlformats-officedocument.spreadsheetml.query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dinrsvm01\userdata\s00150\Downloads\"/>
    </mc:Choice>
  </mc:AlternateContent>
  <bookViews>
    <workbookView xWindow="0" yWindow="0" windowWidth="26490" windowHeight="10800"/>
  </bookViews>
  <sheets>
    <sheet name="赤ちゃんほっとルーム" sheetId="1" r:id="rId1"/>
  </sheets>
  <definedNames>
    <definedName name="data_01" localSheetId="0">赤ちゃんほっとルーム!$O$2:$P$300</definedName>
  </definedNames>
  <calcPr calcId="145621"/>
</workbook>
</file>

<file path=xl/connections.xml><?xml version="1.0" encoding="utf-8"?>
<connections xmlns="http://schemas.openxmlformats.org/spreadsheetml/2006/main">
  <connection id="1" name="data_011" type="6" refreshedVersion="4" background="1" saveData="1">
    <textPr codePage="932" sourceFile="C:\Users\s00150\Documents\md_情報政策課_2017_01\170224_子ども・子育て支援課\data_01.txt" delimited="0">
      <textFields count="3">
        <textField/>
        <textField position="10"/>
        <textField position="22"/>
      </textFields>
    </textPr>
  </connection>
</connections>
</file>

<file path=xl/sharedStrings.xml><?xml version="1.0" encoding="utf-8"?>
<sst xmlns="http://schemas.openxmlformats.org/spreadsheetml/2006/main" count="2067" uniqueCount="1229">
  <si>
    <t>ID</t>
  </si>
  <si>
    <t>施設名</t>
  </si>
  <si>
    <t>郵便番号</t>
  </si>
  <si>
    <t>住所</t>
  </si>
  <si>
    <t>地域</t>
  </si>
  <si>
    <t>電話番号</t>
  </si>
  <si>
    <t>定休日</t>
  </si>
  <si>
    <t>利用可能時間</t>
  </si>
  <si>
    <t>おむつ替え</t>
  </si>
  <si>
    <t>ベビーキープ等</t>
  </si>
  <si>
    <t>授乳</t>
  </si>
  <si>
    <t>調乳</t>
  </si>
  <si>
    <t>手洗い設備</t>
  </si>
  <si>
    <t>駐車場</t>
  </si>
  <si>
    <t>ファミリマ-トJAいずも平田店</t>
  </si>
  <si>
    <t>691-0001</t>
  </si>
  <si>
    <t>島根県出雲市平田町7698</t>
  </si>
  <si>
    <t>出雲</t>
  </si>
  <si>
    <t>0853-63-7172</t>
  </si>
  <si>
    <t>年中無休</t>
  </si>
  <si>
    <t>24h</t>
  </si>
  <si>
    <t>ファミリマ-トJAいずも長浜店</t>
  </si>
  <si>
    <t>693-0041</t>
  </si>
  <si>
    <t>島根県出雲市西園町267-1</t>
  </si>
  <si>
    <t>0853-28-8300</t>
  </si>
  <si>
    <t>ファミリマ-トJAいずも大社店</t>
  </si>
  <si>
    <t>島根県出雲市今市町95</t>
  </si>
  <si>
    <t>0853-53-8666</t>
  </si>
  <si>
    <t>ファミリマ-トJAいずも塩冶東店</t>
  </si>
  <si>
    <t>699-0722</t>
  </si>
  <si>
    <t>島根県出雲市上塩冶東2646-1</t>
  </si>
  <si>
    <t>0853-24-7703</t>
  </si>
  <si>
    <t>ファミリマ-トJAいずも高松店</t>
  </si>
  <si>
    <t>693-0022</t>
  </si>
  <si>
    <t>島根県出雲市白枝町684-5</t>
  </si>
  <si>
    <t>0853-20-1800</t>
  </si>
  <si>
    <t>ギフティスミカワ</t>
  </si>
  <si>
    <t>693-0004</t>
  </si>
  <si>
    <t>島根県出雲市渡橋町1051番地1</t>
  </si>
  <si>
    <t>0853-21-3232</t>
  </si>
  <si>
    <t>10:00～18:30</t>
  </si>
  <si>
    <t>出雲木工(株)リズモ出雲店</t>
  </si>
  <si>
    <t>693-0006</t>
  </si>
  <si>
    <t>島根県出雲市下古志町1650番地</t>
  </si>
  <si>
    <t>0853-22-7360</t>
  </si>
  <si>
    <t>水曜日</t>
  </si>
  <si>
    <t>10:00～19:00</t>
  </si>
  <si>
    <t>出雲会館センターボウル</t>
  </si>
  <si>
    <t>島根県出雲市渡橋町112</t>
  </si>
  <si>
    <t>0853-22-5050</t>
  </si>
  <si>
    <t>10:00～24:00</t>
  </si>
  <si>
    <t>飯南町保健福祉センター</t>
  </si>
  <si>
    <t>690-3207</t>
  </si>
  <si>
    <t>島根県飯石郡飯南町下赤名890</t>
  </si>
  <si>
    <t>雲南</t>
  </si>
  <si>
    <t>0854-72-1770</t>
  </si>
  <si>
    <t>土・日・祝祭日</t>
  </si>
  <si>
    <t>8:30～17:15</t>
  </si>
  <si>
    <t>町立来島保育所</t>
  </si>
  <si>
    <t>島根県飯石郡飯南町野萱774番地2</t>
  </si>
  <si>
    <t>0854-76-3287</t>
  </si>
  <si>
    <t>土（PM）日・祝祭日</t>
  </si>
  <si>
    <t>8:00～16:00</t>
  </si>
  <si>
    <t>町立桜ヶ台保育所</t>
  </si>
  <si>
    <t>島根県飯石郡飯南町頓原1,426</t>
  </si>
  <si>
    <t>0854-72-0237</t>
  </si>
  <si>
    <t>デパ－トパラオ</t>
  </si>
  <si>
    <t>693-0001</t>
  </si>
  <si>
    <t>島根県出雲市今市町259番地１</t>
  </si>
  <si>
    <t>0853-23-1717</t>
  </si>
  <si>
    <t>不定休</t>
  </si>
  <si>
    <t>10:00～20:00</t>
  </si>
  <si>
    <t>有限会社和光電気商会</t>
  </si>
  <si>
    <t>690-0041</t>
  </si>
  <si>
    <t>島根県松江市幸町８２８</t>
  </si>
  <si>
    <t>松江</t>
  </si>
  <si>
    <t>0852-21-4202</t>
  </si>
  <si>
    <t>日曜日</t>
  </si>
  <si>
    <t>9:00～19:00</t>
  </si>
  <si>
    <t>島根原子力館</t>
  </si>
  <si>
    <t>690-0332</t>
  </si>
  <si>
    <t>島根県松江市鹿島町佐陀本郷２９５５</t>
  </si>
  <si>
    <t>0852-82-3055</t>
  </si>
  <si>
    <t>火曜日（変更の場合あり）、12/29～1/3</t>
  </si>
  <si>
    <t>9:00～17:00</t>
  </si>
  <si>
    <t>フジキ田和山店</t>
  </si>
  <si>
    <t>690-0058</t>
  </si>
  <si>
    <t>島根県松江市田和山町８５</t>
  </si>
  <si>
    <t>0852-25-1251</t>
  </si>
  <si>
    <t>1/1、2・その他会社指定日</t>
  </si>
  <si>
    <t>ゆめタウン出雲</t>
  </si>
  <si>
    <t>693-0063</t>
  </si>
  <si>
    <t>島根県出雲市大塚町６５０－１</t>
  </si>
  <si>
    <t>0853-24-4555</t>
  </si>
  <si>
    <t>9:30～22:00</t>
  </si>
  <si>
    <t>ビッグハート出雲</t>
  </si>
  <si>
    <t>693-0008</t>
  </si>
  <si>
    <t>島根県出雲市駅南町１丁目５番地</t>
  </si>
  <si>
    <t>0853-20-2888</t>
  </si>
  <si>
    <t>第１月曜日、年末年始</t>
  </si>
  <si>
    <t>8:30～</t>
  </si>
  <si>
    <t>益田石油株式会社中吉田給油所</t>
  </si>
  <si>
    <t>698-0042</t>
  </si>
  <si>
    <t>島根県益田市中吉田町２２５－１</t>
  </si>
  <si>
    <t>益田</t>
  </si>
  <si>
    <t>0856-22-1188</t>
  </si>
  <si>
    <t>7:00～22:00</t>
  </si>
  <si>
    <t>益田石油株式会社緑ヶ丘給油所</t>
  </si>
  <si>
    <t>698-0041</t>
  </si>
  <si>
    <t>島根県益田市高津八丁目１２－１７</t>
  </si>
  <si>
    <t>0856-22-0038</t>
  </si>
  <si>
    <t>7:00～21:00</t>
  </si>
  <si>
    <t>益田石油株式会社東町給油所</t>
  </si>
  <si>
    <t>698-0004</t>
  </si>
  <si>
    <t>島根県益田市東町１０－４</t>
  </si>
  <si>
    <t>斐川中央公民館</t>
  </si>
  <si>
    <t>699-0502</t>
  </si>
  <si>
    <t>島根県簸川郡斐川町大字荘原町２１６６番地１</t>
  </si>
  <si>
    <t>0853-73-9180</t>
  </si>
  <si>
    <t>12/30～1/4</t>
  </si>
  <si>
    <t>9:00～22:00</t>
  </si>
  <si>
    <t>出雲市役所平田支所</t>
  </si>
  <si>
    <t>島根県出雲市平田町９５１－１</t>
  </si>
  <si>
    <t>0853-63-3111</t>
  </si>
  <si>
    <t>ひらた子育て支援センター</t>
  </si>
  <si>
    <t>島根県出雲市平田町２１１２－１</t>
  </si>
  <si>
    <t>0853-63-3129</t>
  </si>
  <si>
    <t>金曜日</t>
  </si>
  <si>
    <t>9:30～16:30</t>
  </si>
  <si>
    <t>江津市総合市民センター</t>
  </si>
  <si>
    <t>695-0011</t>
  </si>
  <si>
    <t>島根県江津市江津町１１１０－１７</t>
  </si>
  <si>
    <t>浜田</t>
  </si>
  <si>
    <t>0855-52-2155</t>
  </si>
  <si>
    <t>火曜日</t>
  </si>
  <si>
    <t>ホンダカーズ島根東黒田店</t>
  </si>
  <si>
    <t>690-0876</t>
  </si>
  <si>
    <t>島根県松江市黒田町４３４番地１</t>
  </si>
  <si>
    <t>0852-59-9650</t>
  </si>
  <si>
    <t>9:00～19:30</t>
  </si>
  <si>
    <t>島根ワイナリー試飲即売館「バッカス」</t>
  </si>
  <si>
    <t>699-0733</t>
  </si>
  <si>
    <t>島根県出雲市大社町菱根２６４番地２</t>
  </si>
  <si>
    <t>0853-53-5577</t>
  </si>
  <si>
    <t>なし</t>
  </si>
  <si>
    <t>9:30～17:00</t>
  </si>
  <si>
    <t>荒神谷博物館</t>
  </si>
  <si>
    <t>699-0503</t>
  </si>
  <si>
    <t>島根県簸川郡斐川町大字神庭８７３番地８</t>
  </si>
  <si>
    <t>0853-72-9044</t>
  </si>
  <si>
    <t>火曜日（展示室）</t>
  </si>
  <si>
    <t>9:00～16:30</t>
  </si>
  <si>
    <t>しまねお魚センター</t>
  </si>
  <si>
    <t>697-0017</t>
  </si>
  <si>
    <t>島根県浜田市原井町３０５０－４６</t>
  </si>
  <si>
    <t>0855-23-5500</t>
  </si>
  <si>
    <t>矢上交流センター</t>
  </si>
  <si>
    <t>696-0101</t>
  </si>
  <si>
    <t>島根県邑智郡邑南町矢上３８３５－４</t>
  </si>
  <si>
    <t>大田</t>
  </si>
  <si>
    <t>0855-95-1044</t>
  </si>
  <si>
    <t>祝祭日、年末年始</t>
  </si>
  <si>
    <t>県立産業流会館（くにびきメッセ）</t>
  </si>
  <si>
    <t>690-0826</t>
  </si>
  <si>
    <t>島根県松江市学園南１丁目２番１号</t>
  </si>
  <si>
    <t>0852-24-1111</t>
  </si>
  <si>
    <t>年末年始（12/29～1/3）</t>
  </si>
  <si>
    <t>7:00～</t>
  </si>
  <si>
    <t>道の駅キララ多岐</t>
  </si>
  <si>
    <t>699-0902</t>
  </si>
  <si>
    <t>島根県出雲市多伎町多岐１３５－１</t>
  </si>
  <si>
    <t>0853-86-9080</t>
  </si>
  <si>
    <t>ネッツトヨタ島根（株）松江店</t>
  </si>
  <si>
    <t>690-0017</t>
  </si>
  <si>
    <t>島根県松江市西津田二丁目１４番１６号</t>
  </si>
  <si>
    <t>0852-25-1111</t>
  </si>
  <si>
    <t>月曜日</t>
  </si>
  <si>
    <t>9:30～18:30</t>
  </si>
  <si>
    <t>いきいきプラザ島根</t>
  </si>
  <si>
    <t>690-0011</t>
  </si>
  <si>
    <t>島根県松江市東津田町１７４１－３</t>
  </si>
  <si>
    <t>0852-32-5910</t>
  </si>
  <si>
    <t>第４土曜日、年末年始</t>
  </si>
  <si>
    <t>9:00～21:00</t>
  </si>
  <si>
    <t>横田ショッピングセンター</t>
  </si>
  <si>
    <t>699-1822</t>
  </si>
  <si>
    <t>島根県仁多郡奥出雲町下横田８４番地</t>
  </si>
  <si>
    <t>0854-52-3300</t>
  </si>
  <si>
    <t>第２水曜日、元旦</t>
  </si>
  <si>
    <t>株式会社ホンダカーズ石見</t>
  </si>
  <si>
    <t>島根県益田市高津６丁目２８番２２号</t>
  </si>
  <si>
    <t>0856-22-3060</t>
  </si>
  <si>
    <t>松江勤労者総合福祉センター（テルサ）</t>
  </si>
  <si>
    <t>690-0003</t>
  </si>
  <si>
    <t>島根県松江市朝日町４７８－１８</t>
  </si>
  <si>
    <t>0852-31-5550</t>
  </si>
  <si>
    <t>8:30～22:00</t>
  </si>
  <si>
    <t>大田市中央図書館</t>
  </si>
  <si>
    <t>694-0064</t>
  </si>
  <si>
    <t>島根県大田市大田町大田イ１１３－２</t>
  </si>
  <si>
    <t>0854-84-9200</t>
  </si>
  <si>
    <t>火曜日、祝日、月末、年末年始</t>
  </si>
  <si>
    <t>平日10:00～19:00、土日10:00～18:00</t>
  </si>
  <si>
    <t>大田市生涯学習センター・仁摩図書館</t>
  </si>
  <si>
    <t>699-2301</t>
  </si>
  <si>
    <t>島根県大田市仁摩町仁万５６５－１</t>
  </si>
  <si>
    <t>0854-88-4646</t>
  </si>
  <si>
    <t>火曜日、祝日、月末</t>
  </si>
  <si>
    <t>10:00～18:00</t>
  </si>
  <si>
    <t>島根県中山間地域研究センター</t>
  </si>
  <si>
    <t>690-3405</t>
  </si>
  <si>
    <t>島根県飯石郡飯南町上来島１２０７</t>
  </si>
  <si>
    <t>0854-76-3806</t>
  </si>
  <si>
    <t>島根県西部運転免許センター</t>
  </si>
  <si>
    <t>697-0015</t>
  </si>
  <si>
    <t>島根県浜田市竹迫町２３８５－３</t>
  </si>
  <si>
    <t>0855-23-7900</t>
  </si>
  <si>
    <t>土曜日</t>
  </si>
  <si>
    <t>島根県芸術文化センター「グラントワ」</t>
  </si>
  <si>
    <t>698-0022</t>
  </si>
  <si>
    <t>島根県益田市有明町５－１５</t>
  </si>
  <si>
    <t>0856-31-1860</t>
  </si>
  <si>
    <t>毎月第２・４火曜日、年末年始（火曜日が祝日の場合は、その翌日以降の最初の休日でない日）</t>
  </si>
  <si>
    <t>9:00～18:30</t>
  </si>
  <si>
    <t>足立美術館</t>
  </si>
  <si>
    <t>692-0064</t>
  </si>
  <si>
    <t>島根県安来市古川町３２０</t>
  </si>
  <si>
    <t>0854-28-7111</t>
  </si>
  <si>
    <t>４月～９月9:00～17:30、１０月～３月9:00～17:00</t>
  </si>
  <si>
    <t>道の駅本庄</t>
  </si>
  <si>
    <t>690-1114</t>
  </si>
  <si>
    <t>島根県松江市野原町４０１－８</t>
  </si>
  <si>
    <t>0852-34-1528</t>
  </si>
  <si>
    <t>常時利用可能</t>
  </si>
  <si>
    <t>大田ファミリーデパートパル</t>
  </si>
  <si>
    <t>島根県大田市大田町大田イ４１１番地</t>
  </si>
  <si>
    <t>0854-82-6600</t>
  </si>
  <si>
    <t>年間７日（不定期）</t>
  </si>
  <si>
    <t>9:30～20:00</t>
  </si>
  <si>
    <t>和鋼博物館</t>
  </si>
  <si>
    <t>692-0011</t>
  </si>
  <si>
    <t>島根県安来市安来町１０５８番地</t>
  </si>
  <si>
    <t>0854-23-2500</t>
  </si>
  <si>
    <t>道の駅津和野温泉なごみの里</t>
  </si>
  <si>
    <t>699-5613</t>
  </si>
  <si>
    <t>島根県鹿足郡津和野町鷲原イ２５６番地</t>
  </si>
  <si>
    <t>0856-72-4122</t>
  </si>
  <si>
    <t>道の駅インフォメーションセンターかわもと</t>
  </si>
  <si>
    <t>696-0003</t>
  </si>
  <si>
    <t>島根県邑智郡川本町因原５０５－５</t>
  </si>
  <si>
    <t>0855-72-1111</t>
  </si>
  <si>
    <t>年末(12/31)年始(1/1)</t>
  </si>
  <si>
    <t>１００満ボルト出雲店</t>
  </si>
  <si>
    <t>693-0051</t>
  </si>
  <si>
    <t>島根県出雲市小山町４６８番地４</t>
  </si>
  <si>
    <t>0853-20-0801</t>
  </si>
  <si>
    <t>浜田市立石正美術館</t>
  </si>
  <si>
    <t>699-3225</t>
  </si>
  <si>
    <t>島根県浜田市三隅町古市場５８９</t>
  </si>
  <si>
    <t>0855-32-4388</t>
  </si>
  <si>
    <t>月曜日、年末年始（祝日の場合は翌日）</t>
  </si>
  <si>
    <t>島根県民会館</t>
  </si>
  <si>
    <t>690-0887</t>
  </si>
  <si>
    <t>島根県松江市殿町１５８番地</t>
  </si>
  <si>
    <t>0852-22-5506</t>
  </si>
  <si>
    <t>第２、４土曜日（祝日の場合は開館）12/29～1/3</t>
  </si>
  <si>
    <t>島根県立八雲立つ風土記の丘</t>
  </si>
  <si>
    <t>690-0033</t>
  </si>
  <si>
    <t>島根県松江市大庭町４５６</t>
  </si>
  <si>
    <t>0852-23-2485</t>
  </si>
  <si>
    <t>島根県運転免許センター</t>
  </si>
  <si>
    <t>690-0131</t>
  </si>
  <si>
    <t>島根県松江市打出町２５０番地１</t>
  </si>
  <si>
    <t>0852-36-7400</t>
  </si>
  <si>
    <t>道の駅酒蔵奥出雲交流館</t>
  </si>
  <si>
    <t>699-1701</t>
  </si>
  <si>
    <t>島根県仁多郡奥出雲町亀嵩１３８０番地１</t>
  </si>
  <si>
    <t>0854-57-0888</t>
  </si>
  <si>
    <t>TSデザイン</t>
  </si>
  <si>
    <t>697-0035</t>
  </si>
  <si>
    <t>島根県浜田市杉戸町２３２８番地７</t>
  </si>
  <si>
    <t>0855-23-2345</t>
  </si>
  <si>
    <t>平日：9:00～17:00、土・日・祝：10:00～16:00</t>
  </si>
  <si>
    <t>ピュア・ドゥ</t>
  </si>
  <si>
    <t>698-0023</t>
  </si>
  <si>
    <t>島根県益田市常盤町５－５</t>
  </si>
  <si>
    <t>0856-24-0190</t>
  </si>
  <si>
    <t>ゆめタウン浜田</t>
  </si>
  <si>
    <t>697-0052</t>
  </si>
  <si>
    <t>島根県浜田市港町２２７－１</t>
  </si>
  <si>
    <t>0855-23-7700</t>
  </si>
  <si>
    <t>一畑薬師</t>
  </si>
  <si>
    <t>691-0074</t>
  </si>
  <si>
    <t>島根県出雲市小境町８０３</t>
  </si>
  <si>
    <t>0853-67-0111</t>
  </si>
  <si>
    <t>8:30～17:30</t>
  </si>
  <si>
    <t>SKプラザ</t>
  </si>
  <si>
    <t>690-0852</t>
  </si>
  <si>
    <t>島根県松江市千鳥町７２番地</t>
  </si>
  <si>
    <t>0852-23-4959</t>
  </si>
  <si>
    <t>第３、５日曜日</t>
  </si>
  <si>
    <t>平日：10:00～21:00、日・祝：10:00～19:00</t>
  </si>
  <si>
    <t>ファミリマ-トJAいずも大津店</t>
  </si>
  <si>
    <t>693-0011</t>
  </si>
  <si>
    <t>島根県出雲市大津町1697-1</t>
  </si>
  <si>
    <t>0853-43-7660</t>
  </si>
  <si>
    <t>ファミリマ-トJAいずもドーム北店</t>
  </si>
  <si>
    <t>693-0065</t>
  </si>
  <si>
    <t>島根県出雲市平野458-1</t>
  </si>
  <si>
    <t>0853-20-1340</t>
  </si>
  <si>
    <t>ファミリマ-トJAいずも斐川富村店</t>
  </si>
  <si>
    <t>699-0621</t>
  </si>
  <si>
    <t>島根県簸川郡斐川町富村681-1</t>
  </si>
  <si>
    <t>0853-73-7760</t>
  </si>
  <si>
    <t>ファミリマ-トJAいずも浜山通り店</t>
  </si>
  <si>
    <t>島根県出雲市渡橋町772-1</t>
  </si>
  <si>
    <t>0853-20-1531</t>
  </si>
  <si>
    <t>ファミリマ-トJAいずも今市中央店</t>
  </si>
  <si>
    <t>島根県出雲市今市町330-5</t>
  </si>
  <si>
    <t>0853-24-7225</t>
  </si>
  <si>
    <t>ファミリマ-トJAいずも湖陵店</t>
  </si>
  <si>
    <t>699-0811</t>
  </si>
  <si>
    <t>島根県出雲市湖陵町差海710-1</t>
  </si>
  <si>
    <t>フジキコーポレーション（株）松江学園通り店</t>
  </si>
  <si>
    <t>690-0825</t>
  </si>
  <si>
    <t>島根県松江市学園2丁目23-25</t>
  </si>
  <si>
    <t>0852-31-8000</t>
  </si>
  <si>
    <t>長浜ラーメン博多屋松江店</t>
  </si>
  <si>
    <t>690-0055</t>
  </si>
  <si>
    <t>島根県松江市津田町松江境328-1</t>
  </si>
  <si>
    <t>0852-25-7622</t>
  </si>
  <si>
    <t>11:30～25:30</t>
  </si>
  <si>
    <t>Gair</t>
  </si>
  <si>
    <t>690-0823</t>
  </si>
  <si>
    <t>島根県松江市西川津町774-27</t>
  </si>
  <si>
    <t>0852-27-5151</t>
  </si>
  <si>
    <t>月曜第3日曜</t>
  </si>
  <si>
    <t>9:30～7:00</t>
  </si>
  <si>
    <t>ビューティスタジオ美山（ナリス化粧品）</t>
  </si>
  <si>
    <t>690-0822</t>
  </si>
  <si>
    <t>島根県松江市下東川津町160-8</t>
  </si>
  <si>
    <t>0852-28-5358</t>
  </si>
  <si>
    <t>ネッツトヨタ山陰（株）松江学園店</t>
  </si>
  <si>
    <t>島根県松江市学園1丁目17番40号</t>
  </si>
  <si>
    <t>0852-26-4646</t>
  </si>
  <si>
    <t>9:30～18:00</t>
  </si>
  <si>
    <t>ふれあいの街プラーナ</t>
  </si>
  <si>
    <t>島根県安来市安来町761番地4</t>
  </si>
  <si>
    <t>0854-23-1111</t>
  </si>
  <si>
    <t>無し</t>
  </si>
  <si>
    <t>10:00～22:00</t>
  </si>
  <si>
    <t>つどいの広場</t>
  </si>
  <si>
    <t>692-0023</t>
  </si>
  <si>
    <t>島根県安来市黒井田町160の7</t>
  </si>
  <si>
    <t>0854-23-7050</t>
  </si>
  <si>
    <t>5/2,4,5,８/１３，１４，１５，年末年始</t>
  </si>
  <si>
    <t>9:00～16:00</t>
  </si>
  <si>
    <t>フジキ本部</t>
  </si>
  <si>
    <t>699-0193</t>
  </si>
  <si>
    <t>島根県八束郡東出雲町意宇南2-1-1</t>
  </si>
  <si>
    <t>0852-61-1241</t>
  </si>
  <si>
    <t>1/1、2・日曜日、祝日・その他会社指定日</t>
  </si>
  <si>
    <t>松本歯科医院</t>
  </si>
  <si>
    <t>島根県松江市西川津町4282-1</t>
  </si>
  <si>
    <t>0852-20-6810</t>
  </si>
  <si>
    <t>日曜日、祝日</t>
  </si>
  <si>
    <t>月、水、金10:00～20:00、火、木、土9:00～18:30</t>
  </si>
  <si>
    <t>廻鮮かぐら寿し</t>
  </si>
  <si>
    <t>島根県益田市高津町7-5-7</t>
  </si>
  <si>
    <t>0856-22-2215</t>
  </si>
  <si>
    <t>毎週火曜日</t>
  </si>
  <si>
    <t>11:00～14:00,17:00～21:00</t>
  </si>
  <si>
    <t>道の駅湯の川</t>
  </si>
  <si>
    <t>699-0501</t>
  </si>
  <si>
    <t>島根県出雲市斐川町学頭825の2</t>
  </si>
  <si>
    <t>0853-73-9327</t>
  </si>
  <si>
    <t>有限会社えんまん亭</t>
  </si>
  <si>
    <t>島根県出雲市天神町74-2</t>
  </si>
  <si>
    <t>0853-30-7713</t>
  </si>
  <si>
    <t>平日</t>
  </si>
  <si>
    <t>平日17:30～24:00祝日土日16:00～24:00</t>
  </si>
  <si>
    <t>Ｔ・ジョイ出雲</t>
  </si>
  <si>
    <t>島根県出雲市大塚町650-1ゆめタウン74番地2</t>
  </si>
  <si>
    <t>0853-24-6113</t>
  </si>
  <si>
    <t>出雲市立海辺の多岐図書館</t>
  </si>
  <si>
    <t>699-0903</t>
  </si>
  <si>
    <t>島根県出雲市多伎町小田73番地１</t>
  </si>
  <si>
    <t>0853-86-7077</t>
  </si>
  <si>
    <t>午前10時～午後７時</t>
  </si>
  <si>
    <t>つくし保育園</t>
  </si>
  <si>
    <t>697-0311</t>
  </si>
  <si>
    <t>島根県浜田市佐野町イ３５９－５</t>
  </si>
  <si>
    <t>0855-42-0565</t>
  </si>
  <si>
    <t>てんぞ</t>
  </si>
  <si>
    <t>699-0624</t>
  </si>
  <si>
    <t>島根県簸川郡斐川町上直江3315</t>
  </si>
  <si>
    <t>0853-72-2052</t>
  </si>
  <si>
    <t>11:30～14:00.17:30～22:30</t>
  </si>
  <si>
    <t>人形のはなふさ出雲店</t>
  </si>
  <si>
    <t>島根県出雲市渡橋町990</t>
  </si>
  <si>
    <t>0853-24-3355</t>
  </si>
  <si>
    <t>ドコモショップ松江田和山店</t>
  </si>
  <si>
    <t>島根県松江市田和山町１１９番地</t>
  </si>
  <si>
    <t>0852-60-5760</t>
  </si>
  <si>
    <t>（有）いっしょに子育て研究所</t>
  </si>
  <si>
    <t>島根県松江市西津田二丁目９-４</t>
  </si>
  <si>
    <t>0852-25-2225</t>
  </si>
  <si>
    <t>木・日・祝</t>
  </si>
  <si>
    <t>10:00～17:00</t>
  </si>
  <si>
    <t>人形のはなふさ松江店</t>
  </si>
  <si>
    <t>690-0015</t>
  </si>
  <si>
    <t>島根県松江市上乃木町３丁目18-1</t>
  </si>
  <si>
    <t>0852-31-3355</t>
  </si>
  <si>
    <t>ベビー＆キッズraum</t>
  </si>
  <si>
    <t>693-0002</t>
  </si>
  <si>
    <t>島根県出雲市今市町北本町5-4-14</t>
  </si>
  <si>
    <t>0853-31-8366</t>
  </si>
  <si>
    <t>（株）いない出雲ドーム東店</t>
  </si>
  <si>
    <t>島根県出雲市平野町300</t>
  </si>
  <si>
    <t>0853-24-0171</t>
  </si>
  <si>
    <t>元旦</t>
  </si>
  <si>
    <t>8:00～20:00</t>
  </si>
  <si>
    <t>（株）いない大田店</t>
  </si>
  <si>
    <t>694-0041</t>
  </si>
  <si>
    <t>島根県大田市長久町長久40-1</t>
  </si>
  <si>
    <t>08548-2-5611</t>
  </si>
  <si>
    <t>7:30～20:00</t>
  </si>
  <si>
    <t>ラーメン茶屋てまり</t>
  </si>
  <si>
    <t>690-0884</t>
  </si>
  <si>
    <t>島根県松江市黒田町469-2</t>
  </si>
  <si>
    <t>0852-27-4600</t>
  </si>
  <si>
    <t>無休</t>
  </si>
  <si>
    <t>11:00～22:00</t>
  </si>
  <si>
    <t>カラコロ工房</t>
  </si>
  <si>
    <t>島根県松江市殿町43番地</t>
  </si>
  <si>
    <t>0852-20-7000</t>
  </si>
  <si>
    <t>フジキ安来店</t>
  </si>
  <si>
    <t>島根県安来市安来町771-5</t>
  </si>
  <si>
    <t>0854-22-1600</t>
  </si>
  <si>
    <t>1/1、2・その他会社の指定日</t>
  </si>
  <si>
    <t>れすとらんココット</t>
  </si>
  <si>
    <t>699-2305</t>
  </si>
  <si>
    <t>島根県大田市仁摩町天河内711－１</t>
  </si>
  <si>
    <t>0854-88-3042</t>
  </si>
  <si>
    <t>8:30～20：30</t>
  </si>
  <si>
    <t>ヘアーズフーシャン</t>
  </si>
  <si>
    <t>690-0014</t>
  </si>
  <si>
    <t>島根県松江市八雲台２丁目1-31</t>
  </si>
  <si>
    <t>0852-32-7706</t>
  </si>
  <si>
    <t>月曜･第1火曜･第3日曜</t>
  </si>
  <si>
    <t>フジキ出雲店</t>
  </si>
  <si>
    <t>島根県出雲市平野町295-1</t>
  </si>
  <si>
    <t>0853-21-8000</t>
  </si>
  <si>
    <t>斐川町立図書館</t>
  </si>
  <si>
    <t>699-0631</t>
  </si>
  <si>
    <t>島根県簸川郡斐川町大字直江町4156</t>
  </si>
  <si>
    <t>0853-73-3990</t>
  </si>
  <si>
    <t>月曜、最終木曜</t>
  </si>
  <si>
    <t>ウエルネス黒田店</t>
  </si>
  <si>
    <t>島根県松江市黒田町454-1</t>
  </si>
  <si>
    <t>0852-60-0330</t>
  </si>
  <si>
    <t>ウエルネス春日店</t>
  </si>
  <si>
    <t>690-0877</t>
  </si>
  <si>
    <t>島根県松江市春日町5-2</t>
  </si>
  <si>
    <t>0852-20-1555</t>
  </si>
  <si>
    <t>株式会社豊洋暮らしゆうゆう館</t>
  </si>
  <si>
    <t>島根県松江市学園２丁目２２番２３号</t>
  </si>
  <si>
    <t>0120-280-383</t>
  </si>
  <si>
    <t>9:00～17:30</t>
  </si>
  <si>
    <t>一畑百貨店</t>
  </si>
  <si>
    <t>島根県松江市朝日町661</t>
  </si>
  <si>
    <t>0852-55-2612</t>
  </si>
  <si>
    <t>日曜</t>
  </si>
  <si>
    <t>島根県立図書館</t>
  </si>
  <si>
    <t>690-0873</t>
  </si>
  <si>
    <t>島根県松江市内中原町52</t>
  </si>
  <si>
    <t>0852-22-5725</t>
  </si>
  <si>
    <t>月曜日、第一週木曜日、年末年始</t>
  </si>
  <si>
    <t>３月～10月:9:00～19:00、11月～2月9:00～18:00、※土、日、休日は9:00～17:00</t>
  </si>
  <si>
    <t>まめなが一番館</t>
  </si>
  <si>
    <t>699-0505</t>
  </si>
  <si>
    <t>島根県簸川郡斐川町上庄原1760番地１</t>
  </si>
  <si>
    <t>0853-73-7375</t>
  </si>
  <si>
    <t>土日、祝日、年末年始</t>
  </si>
  <si>
    <t>9:00～17：00</t>
  </si>
  <si>
    <t>イオン松江店</t>
  </si>
  <si>
    <t>690-8530</t>
  </si>
  <si>
    <t>松江市東朝日町151番地</t>
  </si>
  <si>
    <t>0852-32-2127</t>
  </si>
  <si>
    <t>島根県庁本庁舎</t>
  </si>
  <si>
    <t>690-8501</t>
  </si>
  <si>
    <t>松江市殿町1番地</t>
  </si>
  <si>
    <t>0852-22-5046</t>
  </si>
  <si>
    <t>土日、祝祭日</t>
  </si>
  <si>
    <t>8:30～17；15</t>
  </si>
  <si>
    <t>島根県庁第二分庁舎</t>
  </si>
  <si>
    <t>松江市殿町2番地</t>
  </si>
  <si>
    <t>島根県庁第三庁舎</t>
  </si>
  <si>
    <t>島根県庁南庁舎</t>
  </si>
  <si>
    <t>松江市殿町8番地</t>
  </si>
  <si>
    <t>島根県庁東庁舎</t>
  </si>
  <si>
    <t>松江市殿町128番地</t>
  </si>
  <si>
    <t>島根県立美術館</t>
  </si>
  <si>
    <t>690-0049</t>
  </si>
  <si>
    <t>島根県松江市袖師町1-5</t>
  </si>
  <si>
    <t>0852-55-4700</t>
  </si>
  <si>
    <t>毎週火曜日、12/28～1/1</t>
  </si>
  <si>
    <t>10月～2月10:00～18:30&lt;BR/&gt;  3月～9月10:00～日没後30分&lt;BR/&gt;[かぞくの時間]毎週木曜日10:00～12:00</t>
  </si>
  <si>
    <t>島根県立青少年の家</t>
  </si>
  <si>
    <t>島根県出雲市小境町1991-4</t>
  </si>
  <si>
    <t>毎週:月曜日、祝日、年末年始（７～９月を除く）</t>
  </si>
  <si>
    <t>島根県浜田合同庁舎</t>
  </si>
  <si>
    <t>697-0041</t>
  </si>
  <si>
    <t>島根県浜田市片庭町254</t>
  </si>
  <si>
    <t>0855-29-5505</t>
  </si>
  <si>
    <t>毎週土日、祝日、年末年始</t>
  </si>
  <si>
    <t>医療法人仁寿会</t>
  </si>
  <si>
    <t>696-0001</t>
  </si>
  <si>
    <t>島根県邑智郡川本町川本大字川本383-1</t>
  </si>
  <si>
    <t>0855-72-0640</t>
  </si>
  <si>
    <t>毎週日、第1,3,5土曜日、祝日、盆、年末年始</t>
  </si>
  <si>
    <t>島根県大田集合庁舎</t>
  </si>
  <si>
    <t>島根県大田市大田町大田イ1-3</t>
  </si>
  <si>
    <t>0854-84-9725</t>
  </si>
  <si>
    <t>島根県立古代出雲歴史博物館</t>
  </si>
  <si>
    <t>699-0701</t>
  </si>
  <si>
    <t>島根県出雲市大社町杵築東99番地4</t>
  </si>
  <si>
    <t>0853-53-8600</t>
  </si>
  <si>
    <t>毎月第第３火曜日</t>
  </si>
  <si>
    <t>9:00～18:00（11～2月は17:00まで）</t>
  </si>
  <si>
    <t>アイパルテ</t>
  </si>
  <si>
    <t>699-0110</t>
  </si>
  <si>
    <t>島根県八束郡東出雲町錦新町8丁目1-3</t>
  </si>
  <si>
    <t>0852-52-7601</t>
  </si>
  <si>
    <t>島根県隠岐合同庁舎</t>
  </si>
  <si>
    <t>685-8601</t>
  </si>
  <si>
    <t>隠岐郡隠岐の島町港町塩口24</t>
  </si>
  <si>
    <t>隠岐</t>
  </si>
  <si>
    <t>08512-2-9797</t>
  </si>
  <si>
    <t>島根県隠岐島前集合庁舎</t>
  </si>
  <si>
    <t>隠岐郡西ノ島町大字別府飯田56-17</t>
  </si>
  <si>
    <t>08512-7-9100</t>
  </si>
  <si>
    <t>テクノアーク島根</t>
  </si>
  <si>
    <t>690-0816</t>
  </si>
  <si>
    <t>島根県松江市北陵町１番地</t>
  </si>
  <si>
    <t>0852-60-5111</t>
  </si>
  <si>
    <t>8:00～21:00</t>
  </si>
  <si>
    <t>島根県中央児童相談所</t>
  </si>
  <si>
    <t>島根県松江市西川津町3090-1</t>
  </si>
  <si>
    <t>0852-25-3168</t>
  </si>
  <si>
    <t>土曜、日曜、祝日、年末年始</t>
  </si>
  <si>
    <t>ホテル宍道湖</t>
  </si>
  <si>
    <t>690-0048</t>
  </si>
  <si>
    <t>島根県松江市西嫁島２丁目10-16</t>
  </si>
  <si>
    <t>0852-25-1155</t>
  </si>
  <si>
    <t>施設点検のため２日間</t>
  </si>
  <si>
    <t>6:00～22:00</t>
  </si>
  <si>
    <t>出雲空港</t>
  </si>
  <si>
    <t>699-0551</t>
  </si>
  <si>
    <t>島根県簸川郡斐川町沖洲2633-1</t>
  </si>
  <si>
    <t>0853-72-7501</t>
  </si>
  <si>
    <t>6:30～20:30</t>
  </si>
  <si>
    <t>萩・石見空港</t>
  </si>
  <si>
    <t>698-0051</t>
  </si>
  <si>
    <t>島根県益田市内田町イ597（石見空港）</t>
  </si>
  <si>
    <t>0856-24-0010</t>
  </si>
  <si>
    <t>島根県浜田児童相談所</t>
  </si>
  <si>
    <t>697-0005</t>
  </si>
  <si>
    <t>島根県浜田市上府町イ2591</t>
  </si>
  <si>
    <t>0855-28-3560</t>
  </si>
  <si>
    <t>上田歯科医院</t>
  </si>
  <si>
    <t>島根県松江市殿町１０２</t>
  </si>
  <si>
    <t>0852-21-2798</t>
  </si>
  <si>
    <t>診療時間内</t>
  </si>
  <si>
    <t>島根県立男女共同参画センターあすてらす</t>
  </si>
  <si>
    <t>島根県大田市大田町大田イ236番地4</t>
  </si>
  <si>
    <t>0854-84-5500</t>
  </si>
  <si>
    <t>毎週月曜日、祝日、12/29～1/3</t>
  </si>
  <si>
    <t>悠邑ふるさと会館</t>
  </si>
  <si>
    <t>島根県邑智郡川本町川本332-15</t>
  </si>
  <si>
    <t>0855-75-0594</t>
  </si>
  <si>
    <t>しんじ湖ボウル</t>
  </si>
  <si>
    <t>690-0046</t>
  </si>
  <si>
    <t>島根県松江市乃木福富町329</t>
  </si>
  <si>
    <t>0852-24-5461</t>
  </si>
  <si>
    <t>AM10:00～PM11:00</t>
  </si>
  <si>
    <t>ザダイソー松江上乃木店</t>
  </si>
  <si>
    <t>島根県松江市上乃木４丁目10-20</t>
  </si>
  <si>
    <t>0852-20-7272</t>
  </si>
  <si>
    <t>AM10:00～PM6:00</t>
  </si>
  <si>
    <t>らーめん茶屋てまり</t>
  </si>
  <si>
    <t>AM10:00～PM10:00</t>
  </si>
  <si>
    <t>松江月ヶ瀬</t>
  </si>
  <si>
    <t>690-0843</t>
  </si>
  <si>
    <t>島根県松江市末次本町87</t>
  </si>
  <si>
    <t>0852-21-2497</t>
  </si>
  <si>
    <t>益田市立保健センター</t>
  </si>
  <si>
    <t>698-0024</t>
  </si>
  <si>
    <t>島根県益田市駅前町17番1号</t>
  </si>
  <si>
    <t>0856-31-0214</t>
  </si>
  <si>
    <t>12/29～1/3</t>
  </si>
  <si>
    <t>AM8:30～PM10:00</t>
  </si>
  <si>
    <t>カレーハウスCoCo壱番屋 松江学園通り店</t>
  </si>
  <si>
    <t>島根県松江市学園南2丁目11-27</t>
  </si>
  <si>
    <t>0852-28-0266</t>
  </si>
  <si>
    <t>AM11:00～翌AM2:00</t>
  </si>
  <si>
    <t>出雲市高架下公衆トイレ</t>
  </si>
  <si>
    <t>693-0007</t>
  </si>
  <si>
    <t>島根県出雲市駅北町11番地</t>
  </si>
  <si>
    <t>0853-21-6744</t>
  </si>
  <si>
    <t>8:00～22:00</t>
  </si>
  <si>
    <t>出雲市駅北公衆トイレ多目的トイレ</t>
  </si>
  <si>
    <t>島根県出雲市駅北町2番地3</t>
  </si>
  <si>
    <t>24時間</t>
  </si>
  <si>
    <t>駅ナカ赤ちゃんルーム</t>
  </si>
  <si>
    <t>島根県出雲市駅北町10番3アトネスいずも内</t>
  </si>
  <si>
    <t>0853-21-1496</t>
  </si>
  <si>
    <t>火曜日、日・祝祭日</t>
  </si>
  <si>
    <t>10:00～16:30</t>
  </si>
  <si>
    <t>アトネスいずも東館</t>
  </si>
  <si>
    <t>島根県出雲市駅北町10番3アトネスいずも</t>
  </si>
  <si>
    <t>0853-21-6783</t>
  </si>
  <si>
    <t>火曜日（年間8日間）</t>
  </si>
  <si>
    <t>いずも子育て支援センタ-</t>
  </si>
  <si>
    <t>693-0021</t>
  </si>
  <si>
    <t>島根県出雲市塩冶町641-9</t>
  </si>
  <si>
    <t>0853-21-5772</t>
  </si>
  <si>
    <t>日・祝日・年末年始</t>
  </si>
  <si>
    <t>9:30～16:00</t>
  </si>
  <si>
    <t>さんぴーの広場</t>
  </si>
  <si>
    <t>693-0082</t>
  </si>
  <si>
    <t>島根県出雲市中野美保南2-15（さんぴーの広場）</t>
  </si>
  <si>
    <t>0853-24-9872</t>
  </si>
  <si>
    <t>土・日・祝日・年末年始</t>
  </si>
  <si>
    <t>島根トヨペット（株）ショールーム棟</t>
  </si>
  <si>
    <t>島根県松江市西津田三丁目2番7号</t>
  </si>
  <si>
    <t>0852-21-7000</t>
  </si>
  <si>
    <t>島根トヨペット（株）松江店舗</t>
  </si>
  <si>
    <t>島根トヨペット（株）雲南店</t>
  </si>
  <si>
    <t>690-2403</t>
  </si>
  <si>
    <t>島根県雲南市三刀屋町下熊谷1784-1</t>
  </si>
  <si>
    <t>0854-45-2321</t>
  </si>
  <si>
    <t>島根トヨペット（株）安来店</t>
  </si>
  <si>
    <t>島根県安来市黒井田町441-1</t>
  </si>
  <si>
    <t>0854-22-4730</t>
  </si>
  <si>
    <t>島根トヨペット（株）大田店</t>
  </si>
  <si>
    <t>694-0051</t>
  </si>
  <si>
    <t>島根県大田市久手町波根西1330-1</t>
  </si>
  <si>
    <t>0854-82-2000</t>
  </si>
  <si>
    <t>さつまラーメンルート9</t>
  </si>
  <si>
    <t>692-0001</t>
  </si>
  <si>
    <t>島根県安来市赤江町377-1</t>
  </si>
  <si>
    <t>0854-28-8521</t>
  </si>
  <si>
    <t>11:00～21:00</t>
  </si>
  <si>
    <t>梅花亭</t>
  </si>
  <si>
    <t>692-0026</t>
  </si>
  <si>
    <t>島根県安来市吉佐町1037</t>
  </si>
  <si>
    <t>0854-22-2265</t>
  </si>
  <si>
    <t>株式会社玉造国際ホテル</t>
  </si>
  <si>
    <t>699-0202</t>
  </si>
  <si>
    <t>島根県松江市玉湯町湯町148-2</t>
  </si>
  <si>
    <t>0852-62-0531</t>
  </si>
  <si>
    <t>5:00～23:00</t>
  </si>
  <si>
    <t>学校法人朋和学園育英幼稚園</t>
  </si>
  <si>
    <t>島根県松江市大庭町1197-1</t>
  </si>
  <si>
    <t>0852-23-1981</t>
  </si>
  <si>
    <t>日、祝日</t>
  </si>
  <si>
    <t>株式会社フーズマーケットホック揖屋店</t>
  </si>
  <si>
    <t>699-0101</t>
  </si>
  <si>
    <t>島根県八束郡東出雲町揖屋町1222-1</t>
  </si>
  <si>
    <t>0852-24-2800</t>
  </si>
  <si>
    <t>元旦のみ</t>
  </si>
  <si>
    <t>株式会社フーズマーケットホック山代店</t>
  </si>
  <si>
    <t>690-0031</t>
  </si>
  <si>
    <t>島根県松江市山代町480-1</t>
  </si>
  <si>
    <t>株式会社フーズマーケットホック乃木店</t>
  </si>
  <si>
    <t>690-0044</t>
  </si>
  <si>
    <t>島根県松江市浜乃木6-2-6</t>
  </si>
  <si>
    <t>0852-27-6957</t>
  </si>
  <si>
    <t>9:00～24:00</t>
  </si>
  <si>
    <t>株式会社フーズマーケットホック塩冶店</t>
  </si>
  <si>
    <t>島根県出雲市塩冶町1200</t>
  </si>
  <si>
    <t>0853-23-2377</t>
  </si>
  <si>
    <t>9:00～23:00</t>
  </si>
  <si>
    <t>有限会社サンコープ雲南</t>
  </si>
  <si>
    <t>699-1311</t>
  </si>
  <si>
    <t>島根県雲南市木次町里方1093番地3</t>
  </si>
  <si>
    <t>0854-42-0379</t>
  </si>
  <si>
    <t>ポーラザビューティいずも店</t>
  </si>
  <si>
    <t>島根県出雲市今市町816-4</t>
  </si>
  <si>
    <t>0853-23-0640</t>
  </si>
  <si>
    <t>祝日</t>
  </si>
  <si>
    <t>ラピタ本店</t>
  </si>
  <si>
    <t>島根県出雲市今市町87番地</t>
  </si>
  <si>
    <t>0853-21-6060</t>
  </si>
  <si>
    <t>ラピタきた店</t>
  </si>
  <si>
    <t>693-0066</t>
  </si>
  <si>
    <t>島根県出雲市高岡町1279-1</t>
  </si>
  <si>
    <t>0853-24-0800</t>
  </si>
  <si>
    <t>9:30～21:00</t>
  </si>
  <si>
    <t>ラピタ佐田店</t>
  </si>
  <si>
    <t>693-0506</t>
  </si>
  <si>
    <t>島根県出雲市佐田町反辺1586-12</t>
  </si>
  <si>
    <t>0853-84-0262</t>
  </si>
  <si>
    <t>9:30～19:30</t>
  </si>
  <si>
    <t>ラピタみなみ店</t>
  </si>
  <si>
    <t>島根県出雲市塩冶町990</t>
  </si>
  <si>
    <t>0853-22-3733</t>
  </si>
  <si>
    <t>山陰合同銀行宍道支店</t>
  </si>
  <si>
    <t>699-0401</t>
  </si>
  <si>
    <t>島根県松江市宍道町宍道870番地2</t>
  </si>
  <si>
    <t>0852-66.0236</t>
  </si>
  <si>
    <t>土曜・日曜・祝祭日</t>
  </si>
  <si>
    <t>9:30～15:00</t>
  </si>
  <si>
    <t>山陰合同銀行出雲支店</t>
  </si>
  <si>
    <t>島根県出雲市今市町北本町1丁目2-4</t>
  </si>
  <si>
    <t>0853-21-0540</t>
  </si>
  <si>
    <t>山陰合同銀行出雲資産運用プラザ出張所</t>
  </si>
  <si>
    <t>島根県出雲市今市町1320-1</t>
  </si>
  <si>
    <t>0853-23-2300</t>
  </si>
  <si>
    <t>山陰合同銀行荘原支店</t>
  </si>
  <si>
    <t>島根県簸川郡斐川町荘原町747-4</t>
  </si>
  <si>
    <t>0853-72-0635</t>
  </si>
  <si>
    <t>土・日曜日</t>
  </si>
  <si>
    <t>9:00～15:00</t>
  </si>
  <si>
    <t>山陰合同銀行出雲西支店</t>
  </si>
  <si>
    <t>島根県出雲市渡橋町1172-1</t>
  </si>
  <si>
    <t>0853-23-7000</t>
  </si>
  <si>
    <t>土・日・祝日</t>
  </si>
  <si>
    <t>山陰合同銀行知井宮出張所</t>
  </si>
  <si>
    <t>693-0033</t>
  </si>
  <si>
    <t>島根県出雲市知井宮町970番地4</t>
  </si>
  <si>
    <t>0853-25-2345</t>
  </si>
  <si>
    <t>（株）サンキ美容室アース田和山店</t>
  </si>
  <si>
    <t>島根県松江市田和山町34番地</t>
  </si>
  <si>
    <t>0852-60-9080</t>
  </si>
  <si>
    <t>（株）サンキ美容室ホブヘアー松江ラポート店</t>
  </si>
  <si>
    <t>690-0001</t>
  </si>
  <si>
    <t>島根県松江市東朝日町６２７－３ラポート</t>
  </si>
  <si>
    <t>0852-28-3929</t>
  </si>
  <si>
    <t>（株）サンキ美容室アース学園店</t>
  </si>
  <si>
    <t>島根県松江市学園２丁目33-1</t>
  </si>
  <si>
    <t>0852-24-0955</t>
  </si>
  <si>
    <t>（株）サンキボブヘアーイオン出雲店</t>
  </si>
  <si>
    <t>島根県出雲市渡橋町1066番地イオン出雲店2F</t>
  </si>
  <si>
    <t>0853-24-1999</t>
  </si>
  <si>
    <t>（株）サンキ美容室ボブヘアー大田店</t>
  </si>
  <si>
    <t>島根県大田市長久町長久ロ264-3</t>
  </si>
  <si>
    <t>0854-84-0322</t>
  </si>
  <si>
    <t>（株）サンキ美容室ボブヘアーイオン大田店</t>
  </si>
  <si>
    <t>694-0044</t>
  </si>
  <si>
    <t>島根県大田市長久町土江97番地</t>
  </si>
  <si>
    <t>（株）サンキ美容室ボブヘアー江津グリーンモール店</t>
  </si>
  <si>
    <t>695-0016</t>
  </si>
  <si>
    <t>島根県江津市嘉久志町2306-30グリーンモール3F</t>
  </si>
  <si>
    <t>0855-54-0088</t>
  </si>
  <si>
    <t>（株）サンキ美容室ボブヘアー浜田トライアル店</t>
  </si>
  <si>
    <t>697-1321</t>
  </si>
  <si>
    <t>島根県浜田市周布町イ61スーパーセンタートライアル浜田</t>
  </si>
  <si>
    <t>0855-24-7315</t>
  </si>
  <si>
    <t>（株）サンキ美容室ボブヘアー浜田イズミ店</t>
  </si>
  <si>
    <t>島根県浜田市港町227-1ゆめタウン浜田3F</t>
  </si>
  <si>
    <t>0855-23-7725</t>
  </si>
  <si>
    <t>（株）サンキ美容室ボブヘアー出雲店</t>
  </si>
  <si>
    <t>島根県出雲市小山町427-1</t>
  </si>
  <si>
    <t>0853-24-2489</t>
  </si>
  <si>
    <t>株式会社サンテック</t>
  </si>
  <si>
    <t>島根県松江市学園1丁目11-24</t>
  </si>
  <si>
    <t>0852-55-2150</t>
  </si>
  <si>
    <t>日曜・祝日</t>
  </si>
  <si>
    <t>8:00～17:15</t>
  </si>
  <si>
    <t>焼き肉どんどん</t>
  </si>
  <si>
    <t>島根県松江市西津田7-11-31</t>
  </si>
  <si>
    <t>0852-31-2244</t>
  </si>
  <si>
    <t>6時間</t>
  </si>
  <si>
    <t>桃源直売所</t>
  </si>
  <si>
    <t>693-0058</t>
  </si>
  <si>
    <t>島根県出雲市矢野町920-1</t>
  </si>
  <si>
    <t>0853-23-8600</t>
  </si>
  <si>
    <t>広島鉄板焼HERA</t>
  </si>
  <si>
    <t>島根県出雲市平野町20-1</t>
  </si>
  <si>
    <t>0853-24-2423</t>
  </si>
  <si>
    <t>11:30～19:00/17:30～22:00</t>
  </si>
  <si>
    <t>有限会社福本寝装</t>
  </si>
  <si>
    <t>699-1251</t>
  </si>
  <si>
    <t>島根県雲南市大東町大東967番地4</t>
  </si>
  <si>
    <t>0854-43-3301</t>
  </si>
  <si>
    <t>8:30～19:00</t>
  </si>
  <si>
    <t>（株）コースト牛角松江上乃木店</t>
  </si>
  <si>
    <t>島根県松江市上乃木9-2-8コスモⅢ1F</t>
  </si>
  <si>
    <t>0852-20-2929</t>
  </si>
  <si>
    <t>17:00～24:00</t>
  </si>
  <si>
    <t>スポーツプラザ二協社</t>
  </si>
  <si>
    <t>島根県出雲市渡橋町318-1</t>
  </si>
  <si>
    <t>0853-21-5155</t>
  </si>
  <si>
    <t>AM10:00～21:00</t>
  </si>
  <si>
    <t>しまね信用金庫出雲支店</t>
  </si>
  <si>
    <t>693-0068</t>
  </si>
  <si>
    <t>島根県出雲市姫原2丁目3-4</t>
  </si>
  <si>
    <t>0853-21-3001</t>
  </si>
  <si>
    <t>かげやま呉服店</t>
  </si>
  <si>
    <t>島根県出雲市今市町713番地</t>
  </si>
  <si>
    <t>0853-21-0070</t>
  </si>
  <si>
    <t>松の湯</t>
  </si>
  <si>
    <t>699-0201</t>
  </si>
  <si>
    <t>島根県松江市玉湯町玉造1215</t>
  </si>
  <si>
    <t>0852-62-0611</t>
  </si>
  <si>
    <t>学校法人朋和学園育英北幼稚園</t>
  </si>
  <si>
    <t>島根県松江市下東川津町728-10</t>
  </si>
  <si>
    <t>0852-31-1981</t>
  </si>
  <si>
    <t>日・祝日</t>
  </si>
  <si>
    <t>7:30～19:00</t>
  </si>
  <si>
    <t>藤増ストアー大社店</t>
  </si>
  <si>
    <t>699-0741</t>
  </si>
  <si>
    <t>島根県出雲市大社町中荒木737</t>
  </si>
  <si>
    <t>0853-53-9007</t>
  </si>
  <si>
    <t>藤増ストアー古志店</t>
  </si>
  <si>
    <t>693-0031</t>
  </si>
  <si>
    <t>島根県出雲市古志町1052</t>
  </si>
  <si>
    <t>0853-23-1129</t>
  </si>
  <si>
    <t>9:00～20:00</t>
  </si>
  <si>
    <t>株式会社島根銀行出雲支店</t>
  </si>
  <si>
    <t>島根県出雲市姫原１丁目5番地1</t>
  </si>
  <si>
    <t>0853-30-6611</t>
  </si>
  <si>
    <t>株式会社島根銀行雲南支店</t>
  </si>
  <si>
    <t>島根県雲南市三刀屋町下熊谷1678-1</t>
  </si>
  <si>
    <t>0854-45-5557</t>
  </si>
  <si>
    <t>株式会社島根銀行安来支店</t>
  </si>
  <si>
    <t>島根県安来市安来町1535-1</t>
  </si>
  <si>
    <t>0854-22-3535</t>
  </si>
  <si>
    <t>Oppi</t>
  </si>
  <si>
    <t>島根県出雲市渡橋町374-3</t>
  </si>
  <si>
    <t>0853-24-0801</t>
  </si>
  <si>
    <t>第3火曜日</t>
  </si>
  <si>
    <t>株式会社ホンダカーズ出雲平田店</t>
  </si>
  <si>
    <t>島根県出雲市平田町7673</t>
  </si>
  <si>
    <t>0853-67-7200</t>
  </si>
  <si>
    <t>9:00～18:00</t>
  </si>
  <si>
    <t>株式会社ホンダカーズ出雲斐川店</t>
  </si>
  <si>
    <t>島根県簸川郡斐川町大字荘原町2242-2</t>
  </si>
  <si>
    <t>0853-72-2300</t>
  </si>
  <si>
    <t>株式会社中西屋</t>
  </si>
  <si>
    <t>島根県松江市黒田町499-1</t>
  </si>
  <si>
    <t>0852-28-3988</t>
  </si>
  <si>
    <t>11:00～13:00</t>
  </si>
  <si>
    <t>株式会社島根銀行本店営業部</t>
  </si>
  <si>
    <t>690-0842</t>
  </si>
  <si>
    <t>島根県松江市東本町２丁目35番地</t>
  </si>
  <si>
    <t>0852-24-1234</t>
  </si>
  <si>
    <t>株式会社島根銀行学園通支店</t>
  </si>
  <si>
    <t>島根県松江市学園１丁目17-32番地</t>
  </si>
  <si>
    <t>0852-21-2120</t>
  </si>
  <si>
    <t>株式会社島根銀行黒田支店</t>
  </si>
  <si>
    <t>島根県松江市黒田町427番地</t>
  </si>
  <si>
    <t>0852-23-7777</t>
  </si>
  <si>
    <t>株式会社島根銀行斐川支店</t>
  </si>
  <si>
    <t>島根県出雲市斐川町直江町5081</t>
  </si>
  <si>
    <t>0853-72-5200</t>
  </si>
  <si>
    <t>auショップ松江学園北</t>
  </si>
  <si>
    <t>島根県松江市学園2-29-41</t>
  </si>
  <si>
    <t>0852-31-1332</t>
  </si>
  <si>
    <t>有限会社荒木屋</t>
  </si>
  <si>
    <t>島根県出雲市大社町杵築東409-2</t>
  </si>
  <si>
    <t>0853-53-2352</t>
  </si>
  <si>
    <t>毎週水曜日</t>
  </si>
  <si>
    <t>11:00～17:00</t>
  </si>
  <si>
    <t>ローソン出雲北店</t>
  </si>
  <si>
    <t>693-0013</t>
  </si>
  <si>
    <t>島根県出雲市荻杼町511-1</t>
  </si>
  <si>
    <t>0853-25-3012</t>
  </si>
  <si>
    <t>ローソン松江浜乃木一丁目店</t>
  </si>
  <si>
    <t>島根県松江市浜乃木1-2-32</t>
  </si>
  <si>
    <t>0852-32-2679</t>
  </si>
  <si>
    <t>ローソン嫁島店</t>
  </si>
  <si>
    <t>690-0047</t>
  </si>
  <si>
    <t>島根県松江市嫁島町88</t>
  </si>
  <si>
    <t>0852-32-5885</t>
  </si>
  <si>
    <t>ローソン出雲大津新崎店</t>
  </si>
  <si>
    <t>693-0012</t>
  </si>
  <si>
    <t>島根県出雲市大津新崎町7-9-1</t>
  </si>
  <si>
    <t>0852-32-0273</t>
  </si>
  <si>
    <t>ローソン斐川荘原店</t>
  </si>
  <si>
    <t>島根県出雲市斐川町学頭228-1</t>
  </si>
  <si>
    <t>ローソン八束東出雲店</t>
  </si>
  <si>
    <t>島根県松江市東出雲町揖屋字中島51-13</t>
  </si>
  <si>
    <t>0852-52-4363</t>
  </si>
  <si>
    <t>ローソン島根大東店</t>
  </si>
  <si>
    <t>島根県雲南市大東町大東1453-2</t>
  </si>
  <si>
    <t>0854-43-3882</t>
  </si>
  <si>
    <t>ローソン江津浅利店</t>
  </si>
  <si>
    <t>695-0002</t>
  </si>
  <si>
    <t>島根県江津市浅利町22-1</t>
  </si>
  <si>
    <t>0855-57-0271</t>
  </si>
  <si>
    <t>ローソン浜田国分店</t>
  </si>
  <si>
    <t>697-0003</t>
  </si>
  <si>
    <t>島根県浜田市国分町2312</t>
  </si>
  <si>
    <t>0855-28-1841</t>
  </si>
  <si>
    <t>ローソン平田中ノ島店</t>
  </si>
  <si>
    <t>島根県出雲市平田町字中ノ島7550</t>
  </si>
  <si>
    <t>0853-62-2468</t>
  </si>
  <si>
    <t>ローソン斐川上直江店</t>
  </si>
  <si>
    <t>島根県出雲市斐川町上直江2529</t>
  </si>
  <si>
    <t>0853-73-7373</t>
  </si>
  <si>
    <t>グリーン調剤薬局春日店</t>
  </si>
  <si>
    <t>島根県松江市春日町194-4</t>
  </si>
  <si>
    <t>0852-67-1193</t>
  </si>
  <si>
    <t>木曜日午後・日曜日</t>
  </si>
  <si>
    <t>9:00～18:30但し土曜日9:00～16:00</t>
  </si>
  <si>
    <t>グリーン調剤薬局学園通店</t>
  </si>
  <si>
    <t>8:30～18:30但し土曜日8:30～17:30</t>
  </si>
  <si>
    <t>山陰合同銀行本店展望室</t>
  </si>
  <si>
    <t>690-0062</t>
  </si>
  <si>
    <t>島根県松江市魚町10</t>
  </si>
  <si>
    <t>0852-55-1000</t>
  </si>
  <si>
    <t>12/31,1/1</t>
  </si>
  <si>
    <t>（４月～10月）10:00～18:00（11月～３月）9:30～17:30</t>
  </si>
  <si>
    <t>山陰合同銀行松江資金プラザ</t>
  </si>
  <si>
    <t>690-0888</t>
  </si>
  <si>
    <t>島根県松江市北堀</t>
  </si>
  <si>
    <t>0852-28-0717</t>
  </si>
  <si>
    <t>12/31～1/3、祝日・日曜</t>
  </si>
  <si>
    <t>平日・土曜午前10:00～17:00</t>
  </si>
  <si>
    <t>山陰合同銀行くにびき出張所</t>
  </si>
  <si>
    <t>島根県松江市学園南２丁目1-12</t>
  </si>
  <si>
    <t>0852-27-7200</t>
  </si>
  <si>
    <t>平日午前9:00～15:00</t>
  </si>
  <si>
    <t>山陰合同銀行益田支店</t>
  </si>
  <si>
    <t>島根県益田市駅前町19-23</t>
  </si>
  <si>
    <t>山陰合同銀行古志原支店</t>
  </si>
  <si>
    <t>島根県松江市古志原町１丁目4-15</t>
  </si>
  <si>
    <t>0852-24-6250</t>
  </si>
  <si>
    <t>山陰合同銀行広瀬出張所</t>
  </si>
  <si>
    <t>692-0404</t>
  </si>
  <si>
    <t>島根県安来市広瀬町広瀬1219-1</t>
  </si>
  <si>
    <t>0854-32-2154</t>
  </si>
  <si>
    <t>山陰合同銀行社日出張所</t>
  </si>
  <si>
    <t>島根県安来市安来町763-11</t>
  </si>
  <si>
    <t>山陰合同銀行瑞穂出張所</t>
  </si>
  <si>
    <t>696-0222</t>
  </si>
  <si>
    <t>島根県邑智郡邑南町下田所265-1</t>
  </si>
  <si>
    <t>0855-83-1711</t>
  </si>
  <si>
    <t>山陰合同銀行西益田出張所</t>
  </si>
  <si>
    <t>699-5132</t>
  </si>
  <si>
    <t>島根県益田市横田町278-1</t>
  </si>
  <si>
    <t>0856-25-5132</t>
  </si>
  <si>
    <t>山陰合同銀行大田市店</t>
  </si>
  <si>
    <t>島根県大田市大田町大田イ374-3</t>
  </si>
  <si>
    <t>山陰合同銀行南出張所</t>
  </si>
  <si>
    <t>690-0052</t>
  </si>
  <si>
    <t>島根県松江市竪町21-2</t>
  </si>
  <si>
    <t>山陰合同銀行法吉支店</t>
  </si>
  <si>
    <t>島根県松江市春日町639-7</t>
  </si>
  <si>
    <t>0852-27-2511</t>
  </si>
  <si>
    <t>山陰合同銀行本店営業部</t>
  </si>
  <si>
    <t>0852-55-1111</t>
  </si>
  <si>
    <t>株式会社Hondacars西島根知井宮店</t>
  </si>
  <si>
    <t>島根県出雲市知井宮町１４４番地3</t>
  </si>
  <si>
    <t>0853-23-7332</t>
  </si>
  <si>
    <t>島根中央ホンダ販売株式会社浜田東店</t>
  </si>
  <si>
    <t>697-0063</t>
  </si>
  <si>
    <t>島根県浜田市長浜町796-3</t>
  </si>
  <si>
    <t>0855-26-0885</t>
  </si>
  <si>
    <t>9:30～19:00</t>
  </si>
  <si>
    <t>株式会社ホンダカーズ出雲出雲店</t>
  </si>
  <si>
    <t>島根県出雲市高岡町454番地1</t>
  </si>
  <si>
    <t>0853-23-9800</t>
  </si>
  <si>
    <t>島根中央ホンダ販売株式会社安来店</t>
  </si>
  <si>
    <t>692-0015</t>
  </si>
  <si>
    <t>島根県安来市今津町677-1</t>
  </si>
  <si>
    <t>0854-22-0202</t>
  </si>
  <si>
    <t>島根中央ホンダ販売株式会社出雲北店</t>
  </si>
  <si>
    <t>0853-23-2100</t>
  </si>
  <si>
    <t>島根中央ホンダ販売株式会社出雲中央店</t>
  </si>
  <si>
    <t>島根県出雲市渡橋町1166番地1</t>
  </si>
  <si>
    <t>0853-25-3711</t>
  </si>
  <si>
    <t>協同組合大田ファミリーデパート２階</t>
  </si>
  <si>
    <t>島根県大田市大田町大田イ411番地</t>
  </si>
  <si>
    <t>割烹温泉ゆらり</t>
  </si>
  <si>
    <t>島根県出雲市平田町7178</t>
  </si>
  <si>
    <t>0853-62-1234</t>
  </si>
  <si>
    <t>10:30～22:00</t>
  </si>
  <si>
    <t>鬼蕎麦</t>
  </si>
  <si>
    <t>699-1511</t>
  </si>
  <si>
    <t>島根県仁多郡奥出雲町三成1415-27</t>
  </si>
  <si>
    <t>0854-54-2101</t>
  </si>
  <si>
    <t>11:00～18:00</t>
  </si>
  <si>
    <t>温泉津子育て支援センター</t>
  </si>
  <si>
    <t>699-2511</t>
  </si>
  <si>
    <t>島根県大田市温泉津町小浜306-1</t>
  </si>
  <si>
    <t>0855-65-2075</t>
  </si>
  <si>
    <t>仁摩子育て支援センター</t>
  </si>
  <si>
    <t>島根県大田市仁摩町仁万559-1</t>
  </si>
  <si>
    <t>0854-88-4933</t>
  </si>
  <si>
    <t>日曜日祝祭日年末年始</t>
  </si>
  <si>
    <t>大田子育て支援センター</t>
  </si>
  <si>
    <t>694-0063</t>
  </si>
  <si>
    <t>島根県大田市大田町吉永1355-1</t>
  </si>
  <si>
    <t>0854-82-1791</t>
  </si>
  <si>
    <t>8:00～17:00</t>
  </si>
  <si>
    <t>爽健美食ここな上乃木店</t>
  </si>
  <si>
    <t>島根県松江市上乃木７丁目12-64</t>
  </si>
  <si>
    <t>0852-23-9100</t>
  </si>
  <si>
    <t>平日午前9:00～21:00</t>
  </si>
  <si>
    <t>緑と音の館ここな西津田店</t>
  </si>
  <si>
    <t>島根県松江市西津田１０丁目13-27</t>
  </si>
  <si>
    <t>0852-33-7073</t>
  </si>
  <si>
    <t>午前9:00～22:00</t>
  </si>
  <si>
    <t>雪舟東児童公園</t>
  </si>
  <si>
    <t>698-0003</t>
  </si>
  <si>
    <t>島根県益田市乙吉町イ93</t>
  </si>
  <si>
    <t>0856-31-0243</t>
  </si>
  <si>
    <t>雪舟橋公園</t>
  </si>
  <si>
    <t>698-0027</t>
  </si>
  <si>
    <t>島根県益田市あけぼの東町15</t>
  </si>
  <si>
    <t>北公園</t>
  </si>
  <si>
    <t>698-0025</t>
  </si>
  <si>
    <t>島根県益田市あけぼの西町21</t>
  </si>
  <si>
    <t>西公園</t>
  </si>
  <si>
    <t>島根県益田市あけぼの西町6</t>
  </si>
  <si>
    <t>東公園</t>
  </si>
  <si>
    <t>島根県益田市あけぼの東町5</t>
  </si>
  <si>
    <t>0853-62-2603</t>
  </si>
  <si>
    <t>ホルモン焼き肉がくえん横町平田店</t>
  </si>
  <si>
    <t>島根県出雲市平田町古川2110-8-1</t>
  </si>
  <si>
    <t>PM5:00～AM1:00</t>
  </si>
  <si>
    <t>モスバーガー宍道店</t>
  </si>
  <si>
    <t>699-0406</t>
  </si>
  <si>
    <t>島根県松江市宍道町佐々布</t>
  </si>
  <si>
    <t>0852-66-3939</t>
  </si>
  <si>
    <t>AM10:00～AM1:00</t>
  </si>
  <si>
    <t>モスバーガー松江上乃木店</t>
  </si>
  <si>
    <t>島根県松江市上乃木5-12-21</t>
  </si>
  <si>
    <t>0852-27-5886</t>
  </si>
  <si>
    <t>AM10:00～PM19:00</t>
  </si>
  <si>
    <t>モスバーガーイオンタウン大田店</t>
  </si>
  <si>
    <t>島根県大田市長久町土江97</t>
  </si>
  <si>
    <t>auショップ斐川</t>
  </si>
  <si>
    <t>島根県簸川郡斐川町上庄原1129-1</t>
  </si>
  <si>
    <t>0853-73-7073</t>
  </si>
  <si>
    <t>みしまや上乃木店</t>
  </si>
  <si>
    <t>島根県松江市上乃木3-14-20</t>
  </si>
  <si>
    <t>0852-20-6200</t>
  </si>
  <si>
    <t>みしまや春日店</t>
  </si>
  <si>
    <t>島根県松江市春日町630</t>
  </si>
  <si>
    <t>0852-20-6500</t>
  </si>
  <si>
    <t>みしまや楽山店</t>
  </si>
  <si>
    <t>島根県松江市西川津町2081-1</t>
  </si>
  <si>
    <t>0852-20-6300</t>
  </si>
  <si>
    <t>みしまや三刀屋店</t>
  </si>
  <si>
    <t>0854-45-5400</t>
  </si>
  <si>
    <t>みしまや田和山店</t>
  </si>
  <si>
    <t>島根県松江市田和山町41</t>
  </si>
  <si>
    <t>0854-24-6700</t>
  </si>
  <si>
    <t>みしまや学園店</t>
  </si>
  <si>
    <t>島根県松江市学園2-34-6</t>
  </si>
  <si>
    <t>0854-24-5200</t>
  </si>
  <si>
    <t>みしまや浜乃木店</t>
  </si>
  <si>
    <t>島根県松江市浜乃木2-15-59</t>
  </si>
  <si>
    <t>0854-24-6800</t>
  </si>
  <si>
    <t>乙吉公園</t>
  </si>
  <si>
    <t>島根県益田市乙吉町ィ334-6</t>
  </si>
  <si>
    <t>夕景湖畔すいてんかく</t>
  </si>
  <si>
    <t>島根県松江市千鳥町39番地</t>
  </si>
  <si>
    <t>0852-21-4910</t>
  </si>
  <si>
    <t>（株）今井書店学園通り店</t>
  </si>
  <si>
    <t>島根県松江市学園2-33-8</t>
  </si>
  <si>
    <t>0852-31-8099</t>
  </si>
  <si>
    <t>お食事処大衆</t>
  </si>
  <si>
    <t>島根県仁多郡奥出雲町三成３５６－２</t>
  </si>
  <si>
    <t>0854-54-0129</t>
  </si>
  <si>
    <t>AM11:00～PM2:00、PM5:00～PM10:00</t>
  </si>
  <si>
    <t>一番食堂ばぁーる</t>
  </si>
  <si>
    <t>島根県仁多郡奥出雲町亀嵩1405</t>
  </si>
  <si>
    <t>0854-57-0828</t>
  </si>
  <si>
    <t>毎週木曜日</t>
  </si>
  <si>
    <t>有限会社日本庭園由志園</t>
  </si>
  <si>
    <t>690-1492</t>
  </si>
  <si>
    <t>島根県松江市八束町波入1260番地の2</t>
  </si>
  <si>
    <t>0852-76-2255</t>
  </si>
  <si>
    <t>シャディギフトこばやし松江店</t>
  </si>
  <si>
    <t>690-0012</t>
  </si>
  <si>
    <t>島根県松江市古志原3-17-17</t>
  </si>
  <si>
    <t>0852-26-7760</t>
  </si>
  <si>
    <t>1/1,2日</t>
  </si>
  <si>
    <t>シャディギフトこばやし三刀屋店</t>
  </si>
  <si>
    <t>島根県雲南市三刀屋町下熊谷1724-10</t>
  </si>
  <si>
    <t>0854-45-3355</t>
  </si>
  <si>
    <t>シャディギフトこばやし斐川店</t>
  </si>
  <si>
    <t>690-0631</t>
  </si>
  <si>
    <t>島根県出雲市斐川町直江5041-2</t>
  </si>
  <si>
    <t>0853-72-4455</t>
  </si>
  <si>
    <t>オート・ステーションセクト</t>
  </si>
  <si>
    <t>島根県出雲市高岡町454番地3</t>
  </si>
  <si>
    <t>0853-23-9000</t>
  </si>
  <si>
    <t>カフェレストランロワール</t>
  </si>
  <si>
    <t>690-0624</t>
  </si>
  <si>
    <t>島根県出雲市斐川町上直江697-2</t>
  </si>
  <si>
    <t>0853-72-6866</t>
  </si>
  <si>
    <t>AM8:00～PM7:30</t>
  </si>
  <si>
    <t>旅館美保館</t>
  </si>
  <si>
    <t>690-1501</t>
  </si>
  <si>
    <t>島根県松江市美保関町美保関570</t>
  </si>
  <si>
    <t>0852-73-0111</t>
  </si>
  <si>
    <t>株式会社ホンダカーズ松江東津田店</t>
  </si>
  <si>
    <t>島根県松江市東津田町1300番地7</t>
  </si>
  <si>
    <t>0852-22-1547</t>
  </si>
  <si>
    <t>出雲神々縁結びの宿紺屋</t>
  </si>
  <si>
    <t>島根県松江市玉湯町玉造1246番地</t>
  </si>
  <si>
    <t>0852-62-0311</t>
  </si>
  <si>
    <t>シャミネ松江ファッション・くらしのサポート館</t>
  </si>
  <si>
    <t>島根県松江市朝日町伊勢宮472-2</t>
  </si>
  <si>
    <t>0852-26-6511</t>
  </si>
  <si>
    <t>しまね信用金庫安来支店</t>
  </si>
  <si>
    <t>島根県安来市安来町1.111番地11</t>
  </si>
  <si>
    <t>0852-22-3741</t>
  </si>
  <si>
    <t>佳翠苑皆美</t>
  </si>
  <si>
    <t>島根県松江市玉湯町玉造1218-8</t>
  </si>
  <si>
    <t>0852-62-0331</t>
  </si>
  <si>
    <t>終日</t>
  </si>
  <si>
    <t>ドラッグストアウエルネス橋南店</t>
  </si>
  <si>
    <t>島根県松江市西津田７丁目11-14</t>
  </si>
  <si>
    <t>0852-32-5295</t>
  </si>
  <si>
    <t>ドラッグストアウエルネス古志原店</t>
  </si>
  <si>
    <t>島根県松江市古志原２丁目22-28</t>
  </si>
  <si>
    <t>0852-32-5115</t>
  </si>
  <si>
    <t>ドラッグストアウエルネス浜山通り店</t>
  </si>
  <si>
    <t>島根県出雲市渡橋町782-1</t>
  </si>
  <si>
    <t>0853-30-6360</t>
  </si>
  <si>
    <t>ドラッグストアウエルネス大田店</t>
  </si>
  <si>
    <t>島根県大田市長久町長久ロ264-13</t>
  </si>
  <si>
    <t>0854-84-0365</t>
  </si>
  <si>
    <t>大田市役所本庁舎</t>
  </si>
  <si>
    <t>島根県大田市大田町大田ロ1111</t>
  </si>
  <si>
    <t>0854-82-1600</t>
  </si>
  <si>
    <t>土、日、祝日</t>
  </si>
  <si>
    <t>大田市民公園公衆便所</t>
  </si>
  <si>
    <t>島根県大田市大田町大田ロ1451</t>
  </si>
  <si>
    <t>２４時間</t>
  </si>
  <si>
    <t>大田市宮崎公園公衆便所</t>
  </si>
  <si>
    <t>島根県大田市大田町大田ロ1109-9</t>
  </si>
  <si>
    <t>大田市役所温泉津支所</t>
  </si>
  <si>
    <t>699-2598</t>
  </si>
  <si>
    <t>島根県大田市温泉津町小浜イ４８６</t>
  </si>
  <si>
    <t>0855-65-3111</t>
  </si>
  <si>
    <t>土日祝日</t>
  </si>
  <si>
    <t>大田市役所仁摩支所</t>
  </si>
  <si>
    <t>島根県大田市仁摩町仁万562-3</t>
  </si>
  <si>
    <t>0854-88-2111</t>
  </si>
  <si>
    <t>国指定重要文化財熊谷家住宅</t>
  </si>
  <si>
    <t>694-0305</t>
  </si>
  <si>
    <t>島根県大田市大森町ハ63番地</t>
  </si>
  <si>
    <t>0854-89-9003</t>
  </si>
  <si>
    <t>毎月最終火曜日（祝日の時はその翌日）、年末年始</t>
  </si>
  <si>
    <t>石見銀山世界遺産センター</t>
  </si>
  <si>
    <t>島根県大田市大森町イ1597番地3</t>
  </si>
  <si>
    <t>0854-89-0183</t>
  </si>
  <si>
    <t>毎月最終火曜日（祝日の時はその翌日）、年末年始（1/1）</t>
  </si>
  <si>
    <t>温泉津ふれあい館</t>
  </si>
  <si>
    <t>島根県大田市温泉津町イ493-1</t>
  </si>
  <si>
    <t>0855-65-3151</t>
  </si>
  <si>
    <t>道の駅ロード銀山</t>
  </si>
  <si>
    <t>島根県大田市久手町刺鹿1945-1</t>
  </si>
  <si>
    <t>0854-82-1991</t>
  </si>
  <si>
    <t>米子信用金庫東出雲支店</t>
  </si>
  <si>
    <t>島根県松江市東出雲町錦新町7丁目1-3</t>
  </si>
  <si>
    <t>0852-52-2323</t>
  </si>
  <si>
    <t>９：００～１５：００</t>
  </si>
  <si>
    <t>冨士寫眞館</t>
  </si>
  <si>
    <t>690-2404</t>
  </si>
  <si>
    <t>島根県雲南市三刀屋町三刀屋13-2</t>
  </si>
  <si>
    <t>0854-45-9100</t>
  </si>
  <si>
    <t>8:00～19:30</t>
  </si>
  <si>
    <t>玉造温泉白石家</t>
  </si>
  <si>
    <t>島根県松江市玉湯町玉造44-2</t>
  </si>
  <si>
    <t>0852-62-0521</t>
  </si>
  <si>
    <t>森のレストラン</t>
  </si>
  <si>
    <t>島根県江津市江津町1110-20</t>
  </si>
  <si>
    <t>0855-52-2822</t>
  </si>
  <si>
    <t>毎週月曜、第3日曜</t>
  </si>
  <si>
    <t>火～木11:00～17:00・金～日11:00～20:00</t>
  </si>
  <si>
    <t>島根トヨペット株式会社益田店</t>
  </si>
  <si>
    <t>699-5131</t>
  </si>
  <si>
    <t>島根県益田市安富町2587-6</t>
  </si>
  <si>
    <t>0856-25-2111</t>
  </si>
  <si>
    <t>毎週火曜</t>
  </si>
  <si>
    <t>島根トヨペット株式会社出雲店</t>
  </si>
  <si>
    <t>島根県出雲市渡橋町1087-1</t>
  </si>
  <si>
    <t>0853-22-1000</t>
  </si>
  <si>
    <t>松徳幼稚園</t>
  </si>
  <si>
    <t>島根県松江市上乃木１－１２－２４</t>
  </si>
  <si>
    <t>0852-22-0750</t>
  </si>
  <si>
    <t>土曜日、日曜日、祝日、休園日</t>
  </si>
  <si>
    <t>8:00～18:30</t>
  </si>
  <si>
    <t>フジキ大田店</t>
  </si>
  <si>
    <t>0854-84-0330</t>
  </si>
  <si>
    <t>１／１、２・その他会社指定日</t>
  </si>
  <si>
    <t>１０：００～１９：００</t>
  </si>
  <si>
    <t>円建創株式会社</t>
  </si>
  <si>
    <t>島根県松江市東津田町1280-1</t>
  </si>
  <si>
    <t>0852-26-2532</t>
  </si>
  <si>
    <t>木曜日</t>
  </si>
  <si>
    <t>１０：００～２０：００</t>
  </si>
  <si>
    <t>浜田市子育て支援センター</t>
  </si>
  <si>
    <t>697-0021</t>
  </si>
  <si>
    <t>浜田市松原町２３５－１</t>
  </si>
  <si>
    <t>０８５５－２２－１２５３</t>
  </si>
  <si>
    <t>日曜日、祝日、年末年始</t>
  </si>
  <si>
    <t>８：３０～１７：００</t>
  </si>
  <si>
    <t>（株）藤栄工業</t>
  </si>
  <si>
    <t>６９０－０８８３</t>
  </si>
  <si>
    <t>松江市北田町２２番地１３</t>
  </si>
  <si>
    <t>０８５２－２１－２０５５</t>
  </si>
  <si>
    <t>年末年始</t>
  </si>
  <si>
    <t>８：３０～１７：３０</t>
  </si>
  <si>
    <t>浜田市役所</t>
  </si>
  <si>
    <t>697-8501</t>
  </si>
  <si>
    <t>殿町１番地</t>
  </si>
  <si>
    <t>0855-22-2612</t>
  </si>
  <si>
    <t>日曜、祝日、年末年始</t>
  </si>
  <si>
    <t>浜田市役所旭支所</t>
  </si>
  <si>
    <t>697-0425</t>
  </si>
  <si>
    <t>浜田市旭町今市637</t>
  </si>
  <si>
    <t>0855-45-1434</t>
  </si>
  <si>
    <t>浜田駅南北自由通路及び関連施設</t>
  </si>
  <si>
    <t>697-0022</t>
  </si>
  <si>
    <t>浜田市浅井町777番地1</t>
  </si>
  <si>
    <t>0855-25-9620</t>
  </si>
  <si>
    <t>緯度</t>
    <rPh sb="0" eb="2">
      <t>イド</t>
    </rPh>
    <phoneticPr fontId="1"/>
  </si>
  <si>
    <t>経度</t>
    <rPh sb="0" eb="2">
      <t>ケイド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9" x14ac:knownFonts="1"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0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  <scheme val="major"/>
    </font>
    <font>
      <b/>
      <sz val="11"/>
      <color theme="0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</fonts>
  <fills count="33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  <fill>
      <patternFill patternType="solid">
        <fgColor rgb="FFC6EFCE"/>
      </patternFill>
    </fill>
  </fills>
  <borders count="11">
    <border>
      <left/>
      <right/>
      <top/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2">
    <xf numFmtId="0" fontId="0" fillId="0" borderId="0">
      <alignment vertical="center"/>
    </xf>
    <xf numFmtId="0" fontId="2" fillId="2" borderId="0" applyNumberFormat="0" applyBorder="0" applyAlignment="0" applyProtection="0">
      <alignment vertical="center"/>
    </xf>
    <xf numFmtId="0" fontId="2" fillId="3" borderId="0" applyNumberFormat="0" applyBorder="0" applyAlignment="0" applyProtection="0">
      <alignment vertical="center"/>
    </xf>
    <xf numFmtId="0" fontId="2" fillId="4" borderId="0" applyNumberFormat="0" applyBorder="0" applyAlignment="0" applyProtection="0">
      <alignment vertical="center"/>
    </xf>
    <xf numFmtId="0" fontId="2" fillId="5" borderId="0" applyNumberFormat="0" applyBorder="0" applyAlignment="0" applyProtection="0">
      <alignment vertical="center"/>
    </xf>
    <xf numFmtId="0" fontId="2" fillId="6" borderId="0" applyNumberFormat="0" applyBorder="0" applyAlignment="0" applyProtection="0">
      <alignment vertical="center"/>
    </xf>
    <xf numFmtId="0" fontId="2" fillId="7" borderId="0" applyNumberFormat="0" applyBorder="0" applyAlignment="0" applyProtection="0">
      <alignment vertical="center"/>
    </xf>
    <xf numFmtId="0" fontId="2" fillId="8" borderId="0" applyNumberFormat="0" applyBorder="0" applyAlignment="0" applyProtection="0">
      <alignment vertical="center"/>
    </xf>
    <xf numFmtId="0" fontId="2" fillId="9" borderId="0" applyNumberFormat="0" applyBorder="0" applyAlignment="0" applyProtection="0">
      <alignment vertical="center"/>
    </xf>
    <xf numFmtId="0" fontId="2" fillId="10" borderId="0" applyNumberFormat="0" applyBorder="0" applyAlignment="0" applyProtection="0">
      <alignment vertical="center"/>
    </xf>
    <xf numFmtId="0" fontId="2" fillId="11" borderId="0" applyNumberFormat="0" applyBorder="0" applyAlignment="0" applyProtection="0">
      <alignment vertical="center"/>
    </xf>
    <xf numFmtId="0" fontId="2" fillId="12" borderId="0" applyNumberFormat="0" applyBorder="0" applyAlignment="0" applyProtection="0">
      <alignment vertical="center"/>
    </xf>
    <xf numFmtId="0" fontId="2" fillId="13" borderId="0" applyNumberFormat="0" applyBorder="0" applyAlignment="0" applyProtection="0">
      <alignment vertical="center"/>
    </xf>
    <xf numFmtId="0" fontId="3" fillId="14" borderId="0" applyNumberFormat="0" applyBorder="0" applyAlignment="0" applyProtection="0">
      <alignment vertical="center"/>
    </xf>
    <xf numFmtId="0" fontId="3" fillId="15" borderId="0" applyNumberFormat="0" applyBorder="0" applyAlignment="0" applyProtection="0">
      <alignment vertical="center"/>
    </xf>
    <xf numFmtId="0" fontId="3" fillId="16" borderId="0" applyNumberFormat="0" applyBorder="0" applyAlignment="0" applyProtection="0">
      <alignment vertical="center"/>
    </xf>
    <xf numFmtId="0" fontId="3" fillId="17" borderId="0" applyNumberFormat="0" applyBorder="0" applyAlignment="0" applyProtection="0">
      <alignment vertical="center"/>
    </xf>
    <xf numFmtId="0" fontId="3" fillId="18" borderId="0" applyNumberFormat="0" applyBorder="0" applyAlignment="0" applyProtection="0">
      <alignment vertical="center"/>
    </xf>
    <xf numFmtId="0" fontId="3" fillId="19" borderId="0" applyNumberFormat="0" applyBorder="0" applyAlignment="0" applyProtection="0">
      <alignment vertical="center"/>
    </xf>
    <xf numFmtId="0" fontId="3" fillId="20" borderId="0" applyNumberFormat="0" applyBorder="0" applyAlignment="0" applyProtection="0">
      <alignment vertical="center"/>
    </xf>
    <xf numFmtId="0" fontId="3" fillId="21" borderId="0" applyNumberFormat="0" applyBorder="0" applyAlignment="0" applyProtection="0">
      <alignment vertical="center"/>
    </xf>
    <xf numFmtId="0" fontId="3" fillId="22" borderId="0" applyNumberFormat="0" applyBorder="0" applyAlignment="0" applyProtection="0">
      <alignment vertical="center"/>
    </xf>
    <xf numFmtId="0" fontId="3" fillId="23" borderId="0" applyNumberFormat="0" applyBorder="0" applyAlignment="0" applyProtection="0">
      <alignment vertical="center"/>
    </xf>
    <xf numFmtId="0" fontId="3" fillId="24" borderId="0" applyNumberFormat="0" applyBorder="0" applyAlignment="0" applyProtection="0">
      <alignment vertical="center"/>
    </xf>
    <xf numFmtId="0" fontId="3" fillId="25" borderId="0" applyNumberFormat="0" applyBorder="0" applyAlignment="0" applyProtection="0">
      <alignment vertical="center"/>
    </xf>
    <xf numFmtId="0" fontId="4" fillId="0" borderId="0" applyNumberFormat="0" applyFill="0" applyBorder="0" applyAlignment="0" applyProtection="0">
      <alignment vertical="center"/>
    </xf>
    <xf numFmtId="0" fontId="5" fillId="26" borderId="1" applyNumberFormat="0" applyAlignment="0" applyProtection="0">
      <alignment vertical="center"/>
    </xf>
    <xf numFmtId="0" fontId="6" fillId="27" borderId="0" applyNumberFormat="0" applyBorder="0" applyAlignment="0" applyProtection="0">
      <alignment vertical="center"/>
    </xf>
    <xf numFmtId="0" fontId="2" fillId="28" borderId="2" applyNumberFormat="0" applyFont="0" applyAlignment="0" applyProtection="0">
      <alignment vertical="center"/>
    </xf>
    <xf numFmtId="0" fontId="7" fillId="0" borderId="3" applyNumberFormat="0" applyFill="0" applyAlignment="0" applyProtection="0">
      <alignment vertical="center"/>
    </xf>
    <xf numFmtId="0" fontId="8" fillId="29" borderId="0" applyNumberFormat="0" applyBorder="0" applyAlignment="0" applyProtection="0">
      <alignment vertical="center"/>
    </xf>
    <xf numFmtId="0" fontId="9" fillId="30" borderId="4" applyNumberFormat="0" applyAlignment="0" applyProtection="0">
      <alignment vertical="center"/>
    </xf>
    <xf numFmtId="0" fontId="10" fillId="0" borderId="0" applyNumberFormat="0" applyFill="0" applyBorder="0" applyAlignment="0" applyProtection="0">
      <alignment vertical="center"/>
    </xf>
    <xf numFmtId="0" fontId="11" fillId="0" borderId="5" applyNumberFormat="0" applyFill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0" borderId="7" applyNumberFormat="0" applyFill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4" fillId="0" borderId="8" applyNumberFormat="0" applyFill="0" applyAlignment="0" applyProtection="0">
      <alignment vertical="center"/>
    </xf>
    <xf numFmtId="0" fontId="15" fillId="30" borderId="9" applyNumberFormat="0" applyAlignment="0" applyProtection="0">
      <alignment vertical="center"/>
    </xf>
    <xf numFmtId="0" fontId="16" fillId="0" borderId="0" applyNumberFormat="0" applyFill="0" applyBorder="0" applyAlignment="0" applyProtection="0">
      <alignment vertical="center"/>
    </xf>
    <xf numFmtId="0" fontId="17" fillId="31" borderId="4" applyNumberFormat="0" applyAlignment="0" applyProtection="0">
      <alignment vertical="center"/>
    </xf>
    <xf numFmtId="0" fontId="18" fillId="32" borderId="0" applyNumberFormat="0" applyBorder="0" applyAlignment="0" applyProtection="0">
      <alignment vertical="center"/>
    </xf>
  </cellStyleXfs>
  <cellXfs count="2">
    <xf numFmtId="0" fontId="0" fillId="0" borderId="0" xfId="0">
      <alignment vertical="center"/>
    </xf>
    <xf numFmtId="0" fontId="0" fillId="0" borderId="10" xfId="0" applyBorder="1">
      <alignment vertical="center"/>
    </xf>
  </cellXfs>
  <cellStyles count="4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良い" xfId="41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connections" Target="connection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queryTables/queryTable1.xml><?xml version="1.0" encoding="utf-8"?>
<queryTable xmlns="http://schemas.openxmlformats.org/spreadsheetml/2006/main" name="data_01" connectionId="1" autoFormatId="20" applyNumberFormats="0" applyBorderFormats="0" applyFontFormats="1" applyPatternFormats="1" applyAlignmentFormats="0" applyWidthHeightFormats="0"/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300"/>
  <sheetViews>
    <sheetView tabSelected="1" topLeftCell="E121" workbookViewId="0">
      <selection activeCell="P144" sqref="P144"/>
    </sheetView>
  </sheetViews>
  <sheetFormatPr defaultRowHeight="14.25" customHeight="1" x14ac:dyDescent="0.15"/>
  <cols>
    <col min="1" max="1" width="4.5" bestFit="1" customWidth="1"/>
    <col min="2" max="2" width="45.5" bestFit="1" customWidth="1"/>
    <col min="3" max="3" width="12.375" bestFit="1" customWidth="1"/>
    <col min="4" max="4" width="50.875" bestFit="1" customWidth="1"/>
    <col min="5" max="5" width="5.25" bestFit="1" customWidth="1"/>
    <col min="6" max="6" width="18.625" bestFit="1" customWidth="1"/>
    <col min="7" max="7" width="36.875" customWidth="1"/>
    <col min="8" max="8" width="35.75" customWidth="1"/>
    <col min="9" max="9" width="10.375" bestFit="1" customWidth="1"/>
    <col min="10" max="10" width="13.875" bestFit="1" customWidth="1"/>
    <col min="11" max="12" width="5.25" bestFit="1" customWidth="1"/>
    <col min="13" max="13" width="10.875" bestFit="1" customWidth="1"/>
    <col min="14" max="14" width="7.125" bestFit="1" customWidth="1"/>
    <col min="15" max="15" width="21.625" bestFit="1" customWidth="1"/>
    <col min="16" max="16" width="12.75" bestFit="1" customWidth="1"/>
  </cols>
  <sheetData>
    <row r="1" spans="1:16" ht="14.25" customHeight="1" x14ac:dyDescent="0.1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1" t="s">
        <v>9</v>
      </c>
      <c r="K1" s="1" t="s">
        <v>10</v>
      </c>
      <c r="L1" s="1" t="s">
        <v>11</v>
      </c>
      <c r="M1" s="1" t="s">
        <v>12</v>
      </c>
      <c r="N1" s="1" t="s">
        <v>13</v>
      </c>
      <c r="O1" s="1" t="s">
        <v>1227</v>
      </c>
      <c r="P1" s="1" t="s">
        <v>1228</v>
      </c>
    </row>
    <row r="2" spans="1:16" ht="14.25" customHeight="1" x14ac:dyDescent="0.15">
      <c r="A2" s="1">
        <v>1</v>
      </c>
      <c r="B2" s="1" t="s">
        <v>14</v>
      </c>
      <c r="C2" s="1" t="s">
        <v>15</v>
      </c>
      <c r="D2" s="1" t="s">
        <v>16</v>
      </c>
      <c r="E2" s="1" t="s">
        <v>17</v>
      </c>
      <c r="F2" s="1" t="s">
        <v>18</v>
      </c>
      <c r="G2" s="1" t="s">
        <v>19</v>
      </c>
      <c r="H2" s="1" t="s">
        <v>20</v>
      </c>
      <c r="I2" s="1">
        <v>1</v>
      </c>
      <c r="J2" s="1">
        <v>1</v>
      </c>
      <c r="K2" s="1"/>
      <c r="L2" s="1"/>
      <c r="M2" s="1">
        <v>1</v>
      </c>
      <c r="N2" s="1">
        <v>1</v>
      </c>
      <c r="O2" s="1">
        <v>35.441236600000003</v>
      </c>
      <c r="P2" s="1">
        <v>132.8312037</v>
      </c>
    </row>
    <row r="3" spans="1:16" ht="14.25" customHeight="1" x14ac:dyDescent="0.15">
      <c r="A3" s="1">
        <v>2</v>
      </c>
      <c r="B3" s="1" t="s">
        <v>21</v>
      </c>
      <c r="C3" s="1" t="s">
        <v>22</v>
      </c>
      <c r="D3" s="1" t="s">
        <v>23</v>
      </c>
      <c r="E3" s="1" t="s">
        <v>17</v>
      </c>
      <c r="F3" s="1" t="s">
        <v>24</v>
      </c>
      <c r="G3" s="1" t="s">
        <v>19</v>
      </c>
      <c r="H3" s="1" t="s">
        <v>20</v>
      </c>
      <c r="I3" s="1">
        <v>1</v>
      </c>
      <c r="J3" s="1">
        <v>1</v>
      </c>
      <c r="K3" s="1"/>
      <c r="L3" s="1"/>
      <c r="M3" s="1">
        <v>1</v>
      </c>
      <c r="N3" s="1">
        <v>1</v>
      </c>
      <c r="O3" s="1">
        <v>35.349260800000003</v>
      </c>
      <c r="P3" s="1">
        <v>132.69831249999999</v>
      </c>
    </row>
    <row r="4" spans="1:16" ht="14.25" customHeight="1" x14ac:dyDescent="0.15">
      <c r="A4" s="1">
        <v>3</v>
      </c>
      <c r="B4" s="1" t="s">
        <v>25</v>
      </c>
      <c r="C4" s="1" t="s">
        <v>22</v>
      </c>
      <c r="D4" s="1" t="s">
        <v>26</v>
      </c>
      <c r="E4" s="1" t="s">
        <v>17</v>
      </c>
      <c r="F4" s="1" t="s">
        <v>27</v>
      </c>
      <c r="G4" s="1" t="s">
        <v>19</v>
      </c>
      <c r="H4" s="1" t="s">
        <v>20</v>
      </c>
      <c r="I4" s="1">
        <v>1</v>
      </c>
      <c r="J4" s="1">
        <v>1</v>
      </c>
      <c r="K4" s="1"/>
      <c r="L4" s="1"/>
      <c r="M4" s="1">
        <v>1</v>
      </c>
      <c r="N4" s="1">
        <v>1</v>
      </c>
      <c r="O4" s="1">
        <v>35.368198800000002</v>
      </c>
      <c r="P4" s="1">
        <v>132.7546509</v>
      </c>
    </row>
    <row r="5" spans="1:16" ht="14.25" customHeight="1" x14ac:dyDescent="0.15">
      <c r="A5" s="1">
        <v>4</v>
      </c>
      <c r="B5" s="1" t="s">
        <v>28</v>
      </c>
      <c r="C5" s="1" t="s">
        <v>29</v>
      </c>
      <c r="D5" s="1" t="s">
        <v>30</v>
      </c>
      <c r="E5" s="1" t="s">
        <v>17</v>
      </c>
      <c r="F5" s="1" t="s">
        <v>31</v>
      </c>
      <c r="G5" s="1" t="s">
        <v>19</v>
      </c>
      <c r="H5" s="1" t="s">
        <v>20</v>
      </c>
      <c r="I5" s="1">
        <v>1</v>
      </c>
      <c r="J5" s="1">
        <v>1</v>
      </c>
      <c r="K5" s="1"/>
      <c r="L5" s="1"/>
      <c r="M5" s="1">
        <v>1</v>
      </c>
      <c r="N5" s="1">
        <v>1</v>
      </c>
      <c r="O5" s="1">
        <v>35.356127000000001</v>
      </c>
      <c r="P5" s="1">
        <v>132.76249300000001</v>
      </c>
    </row>
    <row r="6" spans="1:16" ht="14.25" customHeight="1" x14ac:dyDescent="0.15">
      <c r="A6" s="1">
        <v>5</v>
      </c>
      <c r="B6" s="1" t="s">
        <v>32</v>
      </c>
      <c r="C6" s="1" t="s">
        <v>33</v>
      </c>
      <c r="D6" s="1" t="s">
        <v>34</v>
      </c>
      <c r="E6" s="1" t="s">
        <v>17</v>
      </c>
      <c r="F6" s="1" t="s">
        <v>35</v>
      </c>
      <c r="G6" s="1" t="s">
        <v>19</v>
      </c>
      <c r="H6" s="1" t="s">
        <v>20</v>
      </c>
      <c r="I6" s="1">
        <v>1</v>
      </c>
      <c r="J6" s="1">
        <v>1</v>
      </c>
      <c r="K6" s="1"/>
      <c r="L6" s="1"/>
      <c r="M6" s="1">
        <v>1</v>
      </c>
      <c r="N6" s="1">
        <v>1</v>
      </c>
      <c r="O6" s="1">
        <v>35.361687799999999</v>
      </c>
      <c r="P6" s="1">
        <v>132.7330336</v>
      </c>
    </row>
    <row r="7" spans="1:16" ht="14.25" customHeight="1" x14ac:dyDescent="0.15">
      <c r="A7" s="1">
        <v>6</v>
      </c>
      <c r="B7" s="1" t="s">
        <v>36</v>
      </c>
      <c r="C7" s="1" t="s">
        <v>37</v>
      </c>
      <c r="D7" s="1" t="s">
        <v>38</v>
      </c>
      <c r="E7" s="1" t="s">
        <v>17</v>
      </c>
      <c r="F7" s="1" t="s">
        <v>39</v>
      </c>
      <c r="G7" s="1"/>
      <c r="H7" s="1" t="s">
        <v>40</v>
      </c>
      <c r="I7" s="1">
        <v>1</v>
      </c>
      <c r="J7" s="1"/>
      <c r="K7" s="1"/>
      <c r="L7" s="1"/>
      <c r="M7" s="1">
        <v>1</v>
      </c>
      <c r="N7" s="1">
        <v>1</v>
      </c>
      <c r="O7" s="1">
        <v>35.368492799999999</v>
      </c>
      <c r="P7" s="1">
        <v>132.7394606</v>
      </c>
    </row>
    <row r="8" spans="1:16" ht="14.25" customHeight="1" x14ac:dyDescent="0.15">
      <c r="A8" s="1">
        <v>7</v>
      </c>
      <c r="B8" s="1" t="s">
        <v>41</v>
      </c>
      <c r="C8" s="1" t="s">
        <v>42</v>
      </c>
      <c r="D8" s="1" t="s">
        <v>43</v>
      </c>
      <c r="E8" s="1" t="s">
        <v>17</v>
      </c>
      <c r="F8" s="1" t="s">
        <v>44</v>
      </c>
      <c r="G8" s="1" t="s">
        <v>45</v>
      </c>
      <c r="H8" s="1" t="s">
        <v>46</v>
      </c>
      <c r="I8" s="1">
        <v>1</v>
      </c>
      <c r="J8" s="1"/>
      <c r="K8" s="1"/>
      <c r="L8" s="1"/>
      <c r="M8" s="1">
        <v>1</v>
      </c>
      <c r="N8" s="1">
        <v>1</v>
      </c>
      <c r="O8" s="1">
        <v>35.336041000000002</v>
      </c>
      <c r="P8" s="1">
        <v>132.73723960000001</v>
      </c>
    </row>
    <row r="9" spans="1:16" ht="14.25" customHeight="1" x14ac:dyDescent="0.15">
      <c r="A9" s="1">
        <v>8</v>
      </c>
      <c r="B9" s="1" t="s">
        <v>47</v>
      </c>
      <c r="C9" s="1" t="s">
        <v>37</v>
      </c>
      <c r="D9" s="1" t="s">
        <v>48</v>
      </c>
      <c r="E9" s="1" t="s">
        <v>17</v>
      </c>
      <c r="F9" s="1" t="s">
        <v>49</v>
      </c>
      <c r="G9" s="1" t="s">
        <v>19</v>
      </c>
      <c r="H9" s="1" t="s">
        <v>50</v>
      </c>
      <c r="I9" s="1">
        <v>1</v>
      </c>
      <c r="J9" s="1"/>
      <c r="K9" s="1"/>
      <c r="L9" s="1"/>
      <c r="M9" s="1">
        <v>1</v>
      </c>
      <c r="N9" s="1">
        <v>1</v>
      </c>
      <c r="O9" s="1">
        <v>35.369437499999997</v>
      </c>
      <c r="P9" s="1">
        <v>132.75203999999999</v>
      </c>
    </row>
    <row r="10" spans="1:16" ht="14.25" customHeight="1" x14ac:dyDescent="0.15">
      <c r="A10" s="1">
        <v>9</v>
      </c>
      <c r="B10" s="1" t="s">
        <v>51</v>
      </c>
      <c r="C10" s="1" t="s">
        <v>52</v>
      </c>
      <c r="D10" s="1" t="s">
        <v>53</v>
      </c>
      <c r="E10" s="1" t="s">
        <v>54</v>
      </c>
      <c r="F10" s="1" t="s">
        <v>55</v>
      </c>
      <c r="G10" s="1" t="s">
        <v>56</v>
      </c>
      <c r="H10" s="1" t="s">
        <v>57</v>
      </c>
      <c r="I10" s="1">
        <v>1</v>
      </c>
      <c r="J10" s="1"/>
      <c r="K10" s="1">
        <v>1</v>
      </c>
      <c r="L10" s="1">
        <v>1</v>
      </c>
      <c r="M10" s="1">
        <v>1</v>
      </c>
      <c r="N10" s="1">
        <v>1</v>
      </c>
      <c r="O10" s="1">
        <v>35.000051399999997</v>
      </c>
      <c r="P10" s="1">
        <v>132.71392410000001</v>
      </c>
    </row>
    <row r="11" spans="1:16" ht="14.25" customHeight="1" x14ac:dyDescent="0.15">
      <c r="A11" s="1">
        <v>10</v>
      </c>
      <c r="B11" s="1" t="s">
        <v>58</v>
      </c>
      <c r="C11" s="1" t="s">
        <v>52</v>
      </c>
      <c r="D11" s="1" t="s">
        <v>59</v>
      </c>
      <c r="E11" s="1" t="s">
        <v>54</v>
      </c>
      <c r="F11" s="1" t="s">
        <v>60</v>
      </c>
      <c r="G11" s="1" t="s">
        <v>61</v>
      </c>
      <c r="H11" s="1" t="s">
        <v>62</v>
      </c>
      <c r="I11" s="1">
        <v>1</v>
      </c>
      <c r="J11" s="1"/>
      <c r="K11" s="1">
        <v>1</v>
      </c>
      <c r="L11" s="1">
        <v>1</v>
      </c>
      <c r="M11" s="1">
        <v>1</v>
      </c>
      <c r="N11" s="1">
        <v>1</v>
      </c>
      <c r="O11" s="1">
        <v>35.032606600000001</v>
      </c>
      <c r="P11" s="1">
        <v>132.74304889999999</v>
      </c>
    </row>
    <row r="12" spans="1:16" ht="14.25" customHeight="1" x14ac:dyDescent="0.15">
      <c r="A12" s="1">
        <v>11</v>
      </c>
      <c r="B12" s="1" t="s">
        <v>63</v>
      </c>
      <c r="C12" s="1" t="s">
        <v>52</v>
      </c>
      <c r="D12" s="1" t="s">
        <v>64</v>
      </c>
      <c r="E12" s="1" t="s">
        <v>54</v>
      </c>
      <c r="F12" s="1" t="s">
        <v>65</v>
      </c>
      <c r="G12" s="1" t="s">
        <v>61</v>
      </c>
      <c r="H12" s="1" t="s">
        <v>62</v>
      </c>
      <c r="I12" s="1">
        <v>1</v>
      </c>
      <c r="J12" s="1">
        <v>1</v>
      </c>
      <c r="K12" s="1">
        <v>1</v>
      </c>
      <c r="L12" s="1"/>
      <c r="M12" s="1">
        <v>1</v>
      </c>
      <c r="N12" s="1">
        <v>1</v>
      </c>
      <c r="O12" s="1">
        <v>35.080403699999998</v>
      </c>
      <c r="P12" s="1">
        <v>132.78563170000001</v>
      </c>
    </row>
    <row r="13" spans="1:16" ht="14.25" customHeight="1" x14ac:dyDescent="0.15">
      <c r="A13" s="1">
        <v>12</v>
      </c>
      <c r="B13" s="1" t="s">
        <v>66</v>
      </c>
      <c r="C13" s="1" t="s">
        <v>67</v>
      </c>
      <c r="D13" s="1" t="s">
        <v>68</v>
      </c>
      <c r="E13" s="1" t="s">
        <v>17</v>
      </c>
      <c r="F13" s="1" t="s">
        <v>69</v>
      </c>
      <c r="G13" s="1" t="s">
        <v>70</v>
      </c>
      <c r="H13" s="1" t="s">
        <v>71</v>
      </c>
      <c r="I13" s="1">
        <v>1</v>
      </c>
      <c r="J13" s="1">
        <v>1</v>
      </c>
      <c r="K13" s="1">
        <v>1</v>
      </c>
      <c r="L13" s="1"/>
      <c r="M13" s="1">
        <v>1</v>
      </c>
      <c r="N13" s="1">
        <v>1</v>
      </c>
      <c r="O13" s="1">
        <v>35.366607399999999</v>
      </c>
      <c r="P13" s="1">
        <v>132.75716460000001</v>
      </c>
    </row>
    <row r="14" spans="1:16" ht="14.25" customHeight="1" x14ac:dyDescent="0.15">
      <c r="A14" s="1">
        <v>13</v>
      </c>
      <c r="B14" s="1" t="s">
        <v>72</v>
      </c>
      <c r="C14" s="1" t="s">
        <v>73</v>
      </c>
      <c r="D14" s="1" t="s">
        <v>74</v>
      </c>
      <c r="E14" s="1" t="s">
        <v>75</v>
      </c>
      <c r="F14" s="1" t="s">
        <v>76</v>
      </c>
      <c r="G14" s="1" t="s">
        <v>77</v>
      </c>
      <c r="H14" s="1" t="s">
        <v>78</v>
      </c>
      <c r="I14" s="1">
        <v>1</v>
      </c>
      <c r="J14" s="1"/>
      <c r="K14" s="1"/>
      <c r="L14" s="1"/>
      <c r="M14" s="1">
        <v>1</v>
      </c>
      <c r="N14" s="1">
        <v>1</v>
      </c>
      <c r="O14" s="1">
        <v>35.459196900000002</v>
      </c>
      <c r="P14" s="1">
        <v>133.05492469999999</v>
      </c>
    </row>
    <row r="15" spans="1:16" ht="14.25" customHeight="1" x14ac:dyDescent="0.15">
      <c r="A15" s="1">
        <v>14</v>
      </c>
      <c r="B15" s="1" t="s">
        <v>79</v>
      </c>
      <c r="C15" s="1" t="s">
        <v>80</v>
      </c>
      <c r="D15" s="1" t="s">
        <v>81</v>
      </c>
      <c r="E15" s="1" t="s">
        <v>75</v>
      </c>
      <c r="F15" s="1" t="s">
        <v>82</v>
      </c>
      <c r="G15" s="1" t="s">
        <v>83</v>
      </c>
      <c r="H15" s="1" t="s">
        <v>84</v>
      </c>
      <c r="I15" s="1">
        <v>1</v>
      </c>
      <c r="J15" s="1">
        <v>1</v>
      </c>
      <c r="K15" s="1">
        <v>1</v>
      </c>
      <c r="L15" s="1"/>
      <c r="M15" s="1">
        <v>1</v>
      </c>
      <c r="N15" s="1">
        <v>1</v>
      </c>
      <c r="O15" s="1">
        <v>35.532705700000001</v>
      </c>
      <c r="P15" s="1">
        <v>132.99348449999999</v>
      </c>
    </row>
    <row r="16" spans="1:16" ht="14.25" customHeight="1" x14ac:dyDescent="0.15">
      <c r="A16" s="1">
        <v>15</v>
      </c>
      <c r="B16" s="1" t="s">
        <v>85</v>
      </c>
      <c r="C16" s="1" t="s">
        <v>86</v>
      </c>
      <c r="D16" s="1" t="s">
        <v>87</v>
      </c>
      <c r="E16" s="1" t="s">
        <v>75</v>
      </c>
      <c r="F16" s="1" t="s">
        <v>88</v>
      </c>
      <c r="G16" s="1" t="s">
        <v>89</v>
      </c>
      <c r="H16" s="1" t="s">
        <v>46</v>
      </c>
      <c r="I16" s="1">
        <v>1</v>
      </c>
      <c r="J16" s="1"/>
      <c r="K16" s="1">
        <v>1</v>
      </c>
      <c r="L16" s="1">
        <v>1</v>
      </c>
      <c r="M16" s="1">
        <v>1</v>
      </c>
      <c r="N16" s="1">
        <v>1</v>
      </c>
      <c r="O16" s="1">
        <v>35.439937999999998</v>
      </c>
      <c r="P16" s="1">
        <v>133.0514091</v>
      </c>
    </row>
    <row r="17" spans="1:16" ht="14.25" customHeight="1" x14ac:dyDescent="0.15">
      <c r="A17" s="1">
        <v>16</v>
      </c>
      <c r="B17" s="1" t="s">
        <v>90</v>
      </c>
      <c r="C17" s="1" t="s">
        <v>91</v>
      </c>
      <c r="D17" s="1" t="s">
        <v>92</v>
      </c>
      <c r="E17" s="1" t="s">
        <v>17</v>
      </c>
      <c r="F17" s="1" t="s">
        <v>93</v>
      </c>
      <c r="G17" s="1" t="s">
        <v>19</v>
      </c>
      <c r="H17" s="1" t="s">
        <v>94</v>
      </c>
      <c r="I17" s="1">
        <v>1</v>
      </c>
      <c r="J17" s="1">
        <v>1</v>
      </c>
      <c r="K17" s="1">
        <v>1</v>
      </c>
      <c r="L17" s="1">
        <v>1</v>
      </c>
      <c r="M17" s="1">
        <v>1</v>
      </c>
      <c r="N17" s="1">
        <v>1</v>
      </c>
      <c r="O17" s="1">
        <v>35.377403299999997</v>
      </c>
      <c r="P17" s="1">
        <v>132.75622799999999</v>
      </c>
    </row>
    <row r="18" spans="1:16" ht="14.25" customHeight="1" x14ac:dyDescent="0.15">
      <c r="A18" s="1">
        <v>17</v>
      </c>
      <c r="B18" s="1" t="s">
        <v>95</v>
      </c>
      <c r="C18" s="1" t="s">
        <v>96</v>
      </c>
      <c r="D18" s="1" t="s">
        <v>97</v>
      </c>
      <c r="E18" s="1" t="s">
        <v>17</v>
      </c>
      <c r="F18" s="1" t="s">
        <v>98</v>
      </c>
      <c r="G18" s="1" t="s">
        <v>99</v>
      </c>
      <c r="H18" s="1" t="s">
        <v>100</v>
      </c>
      <c r="I18" s="1">
        <v>1</v>
      </c>
      <c r="J18" s="1">
        <v>1</v>
      </c>
      <c r="K18" s="1"/>
      <c r="L18" s="1"/>
      <c r="M18" s="1">
        <v>1</v>
      </c>
      <c r="N18" s="1">
        <v>1</v>
      </c>
      <c r="O18" s="1">
        <v>35.360530400000002</v>
      </c>
      <c r="P18" s="1">
        <v>132.75806470000001</v>
      </c>
    </row>
    <row r="19" spans="1:16" ht="14.25" customHeight="1" x14ac:dyDescent="0.15">
      <c r="A19" s="1">
        <v>18</v>
      </c>
      <c r="B19" s="1" t="s">
        <v>101</v>
      </c>
      <c r="C19" s="1" t="s">
        <v>102</v>
      </c>
      <c r="D19" s="1" t="s">
        <v>103</v>
      </c>
      <c r="E19" s="1" t="s">
        <v>104</v>
      </c>
      <c r="F19" s="1" t="s">
        <v>105</v>
      </c>
      <c r="G19" s="1" t="s">
        <v>19</v>
      </c>
      <c r="H19" s="1" t="s">
        <v>106</v>
      </c>
      <c r="I19" s="1">
        <v>1</v>
      </c>
      <c r="J19" s="1"/>
      <c r="K19" s="1"/>
      <c r="L19" s="1"/>
      <c r="M19" s="1">
        <v>1</v>
      </c>
      <c r="N19" s="1">
        <v>1</v>
      </c>
      <c r="O19" s="1">
        <v>34.683224500000001</v>
      </c>
      <c r="P19" s="1">
        <v>131.836018</v>
      </c>
    </row>
    <row r="20" spans="1:16" ht="14.25" customHeight="1" x14ac:dyDescent="0.15">
      <c r="A20" s="1">
        <v>19</v>
      </c>
      <c r="B20" s="1" t="s">
        <v>107</v>
      </c>
      <c r="C20" s="1" t="s">
        <v>108</v>
      </c>
      <c r="D20" s="1" t="s">
        <v>109</v>
      </c>
      <c r="E20" s="1" t="s">
        <v>104</v>
      </c>
      <c r="F20" s="1" t="s">
        <v>110</v>
      </c>
      <c r="G20" s="1" t="s">
        <v>19</v>
      </c>
      <c r="H20" s="1" t="s">
        <v>111</v>
      </c>
      <c r="I20" s="1">
        <v>1</v>
      </c>
      <c r="J20" s="1"/>
      <c r="K20" s="1"/>
      <c r="L20" s="1"/>
      <c r="M20" s="1">
        <v>1</v>
      </c>
      <c r="N20" s="1">
        <v>1</v>
      </c>
      <c r="O20" s="1">
        <v>34.690367799999997</v>
      </c>
      <c r="P20" s="1">
        <v>131.80949820000001</v>
      </c>
    </row>
    <row r="21" spans="1:16" ht="14.25" customHeight="1" x14ac:dyDescent="0.15">
      <c r="A21" s="1">
        <v>20</v>
      </c>
      <c r="B21" s="1" t="s">
        <v>112</v>
      </c>
      <c r="C21" s="1" t="s">
        <v>113</v>
      </c>
      <c r="D21" s="1" t="s">
        <v>114</v>
      </c>
      <c r="E21" s="1" t="s">
        <v>104</v>
      </c>
      <c r="F21" s="1" t="s">
        <v>105</v>
      </c>
      <c r="G21" s="1" t="s">
        <v>19</v>
      </c>
      <c r="H21" s="1" t="s">
        <v>111</v>
      </c>
      <c r="I21" s="1">
        <v>1</v>
      </c>
      <c r="J21" s="1"/>
      <c r="K21" s="1"/>
      <c r="L21" s="1"/>
      <c r="M21" s="1">
        <v>1</v>
      </c>
      <c r="N21" s="1">
        <v>1</v>
      </c>
      <c r="O21" s="1">
        <v>34.679189000000001</v>
      </c>
      <c r="P21" s="1">
        <v>131.8546388</v>
      </c>
    </row>
    <row r="22" spans="1:16" ht="14.25" customHeight="1" x14ac:dyDescent="0.15">
      <c r="A22" s="1">
        <v>21</v>
      </c>
      <c r="B22" s="1" t="s">
        <v>115</v>
      </c>
      <c r="C22" s="1" t="s">
        <v>116</v>
      </c>
      <c r="D22" s="1" t="s">
        <v>117</v>
      </c>
      <c r="E22" s="1" t="s">
        <v>17</v>
      </c>
      <c r="F22" s="1" t="s">
        <v>118</v>
      </c>
      <c r="G22" s="1" t="s">
        <v>119</v>
      </c>
      <c r="H22" s="1" t="s">
        <v>120</v>
      </c>
      <c r="I22" s="1">
        <v>1</v>
      </c>
      <c r="J22" s="1">
        <v>1</v>
      </c>
      <c r="K22" s="1"/>
      <c r="L22" s="1"/>
      <c r="M22" s="1">
        <v>1</v>
      </c>
      <c r="N22" s="1">
        <v>1</v>
      </c>
      <c r="O22" s="1">
        <v>35.393697000000003</v>
      </c>
      <c r="P22" s="1">
        <v>132.84300229999999</v>
      </c>
    </row>
    <row r="23" spans="1:16" ht="14.25" customHeight="1" x14ac:dyDescent="0.15">
      <c r="A23" s="1">
        <v>22</v>
      </c>
      <c r="B23" s="1" t="s">
        <v>121</v>
      </c>
      <c r="C23" s="1" t="s">
        <v>15</v>
      </c>
      <c r="D23" s="1" t="s">
        <v>122</v>
      </c>
      <c r="E23" s="1" t="s">
        <v>17</v>
      </c>
      <c r="F23" s="1" t="s">
        <v>123</v>
      </c>
      <c r="G23" s="1" t="s">
        <v>56</v>
      </c>
      <c r="H23" s="1" t="s">
        <v>57</v>
      </c>
      <c r="I23" s="1">
        <v>1</v>
      </c>
      <c r="J23" s="1">
        <v>1</v>
      </c>
      <c r="K23" s="1"/>
      <c r="L23" s="1"/>
      <c r="M23" s="1">
        <v>1</v>
      </c>
      <c r="N23" s="1">
        <v>1</v>
      </c>
      <c r="O23" s="1">
        <v>35.434967800000003</v>
      </c>
      <c r="P23" s="1">
        <v>132.82225750000001</v>
      </c>
    </row>
    <row r="24" spans="1:16" ht="14.25" customHeight="1" x14ac:dyDescent="0.15">
      <c r="A24" s="1">
        <v>23</v>
      </c>
      <c r="B24" s="1" t="s">
        <v>124</v>
      </c>
      <c r="C24" s="1" t="s">
        <v>15</v>
      </c>
      <c r="D24" s="1" t="s">
        <v>125</v>
      </c>
      <c r="E24" s="1" t="s">
        <v>17</v>
      </c>
      <c r="F24" s="1" t="s">
        <v>126</v>
      </c>
      <c r="G24" s="1" t="s">
        <v>127</v>
      </c>
      <c r="H24" s="1" t="s">
        <v>128</v>
      </c>
      <c r="I24" s="1">
        <v>1</v>
      </c>
      <c r="J24" s="1"/>
      <c r="K24" s="1">
        <v>1</v>
      </c>
      <c r="L24" s="1"/>
      <c r="M24" s="1">
        <v>1</v>
      </c>
      <c r="N24" s="1">
        <v>1</v>
      </c>
      <c r="O24" s="1">
        <v>35.4294072</v>
      </c>
      <c r="P24" s="1">
        <v>132.82116909999999</v>
      </c>
    </row>
    <row r="25" spans="1:16" ht="14.25" customHeight="1" x14ac:dyDescent="0.15">
      <c r="A25" s="1">
        <v>24</v>
      </c>
      <c r="B25" s="1" t="s">
        <v>129</v>
      </c>
      <c r="C25" s="1" t="s">
        <v>130</v>
      </c>
      <c r="D25" s="1" t="s">
        <v>131</v>
      </c>
      <c r="E25" s="1" t="s">
        <v>132</v>
      </c>
      <c r="F25" s="1" t="s">
        <v>133</v>
      </c>
      <c r="G25" s="1" t="s">
        <v>134</v>
      </c>
      <c r="H25" s="1" t="s">
        <v>120</v>
      </c>
      <c r="I25" s="1">
        <v>1</v>
      </c>
      <c r="J25" s="1">
        <v>1</v>
      </c>
      <c r="K25" s="1"/>
      <c r="L25" s="1"/>
      <c r="M25" s="1">
        <v>1</v>
      </c>
      <c r="N25" s="1">
        <v>1</v>
      </c>
      <c r="O25" s="1">
        <v>35.014783700000002</v>
      </c>
      <c r="P25" s="1">
        <v>132.22453830000001</v>
      </c>
    </row>
    <row r="26" spans="1:16" ht="14.25" customHeight="1" x14ac:dyDescent="0.15">
      <c r="A26" s="1">
        <v>25</v>
      </c>
      <c r="B26" s="1" t="s">
        <v>135</v>
      </c>
      <c r="C26" s="1" t="s">
        <v>136</v>
      </c>
      <c r="D26" s="1" t="s">
        <v>137</v>
      </c>
      <c r="E26" s="1" t="s">
        <v>75</v>
      </c>
      <c r="F26" s="1" t="s">
        <v>138</v>
      </c>
      <c r="G26" s="1" t="s">
        <v>45</v>
      </c>
      <c r="H26" s="1" t="s">
        <v>139</v>
      </c>
      <c r="I26" s="1">
        <v>1</v>
      </c>
      <c r="J26" s="1"/>
      <c r="K26" s="1">
        <v>1</v>
      </c>
      <c r="L26" s="1"/>
      <c r="M26" s="1">
        <v>1</v>
      </c>
      <c r="N26" s="1">
        <v>1</v>
      </c>
      <c r="O26" s="1">
        <v>35.476159000000003</v>
      </c>
      <c r="P26" s="1">
        <v>133.04479699999999</v>
      </c>
    </row>
    <row r="27" spans="1:16" ht="14.25" customHeight="1" x14ac:dyDescent="0.15">
      <c r="A27" s="1">
        <v>26</v>
      </c>
      <c r="B27" s="1" t="s">
        <v>140</v>
      </c>
      <c r="C27" s="1" t="s">
        <v>141</v>
      </c>
      <c r="D27" s="1" t="s">
        <v>142</v>
      </c>
      <c r="E27" s="1" t="s">
        <v>17</v>
      </c>
      <c r="F27" s="1" t="s">
        <v>143</v>
      </c>
      <c r="G27" s="1" t="s">
        <v>144</v>
      </c>
      <c r="H27" s="1" t="s">
        <v>145</v>
      </c>
      <c r="I27" s="1">
        <v>1</v>
      </c>
      <c r="J27" s="1"/>
      <c r="K27" s="1">
        <v>1</v>
      </c>
      <c r="L27" s="1"/>
      <c r="M27" s="1">
        <v>1</v>
      </c>
      <c r="N27" s="1">
        <v>1</v>
      </c>
      <c r="O27" s="1">
        <v>35.3959811</v>
      </c>
      <c r="P27" s="1">
        <v>132.7108313</v>
      </c>
    </row>
    <row r="28" spans="1:16" ht="14.25" customHeight="1" x14ac:dyDescent="0.15">
      <c r="A28" s="1">
        <v>27</v>
      </c>
      <c r="B28" s="1" t="s">
        <v>146</v>
      </c>
      <c r="C28" s="1" t="s">
        <v>147</v>
      </c>
      <c r="D28" s="1" t="s">
        <v>148</v>
      </c>
      <c r="E28" s="1" t="s">
        <v>17</v>
      </c>
      <c r="F28" s="1" t="s">
        <v>149</v>
      </c>
      <c r="G28" s="1" t="s">
        <v>150</v>
      </c>
      <c r="H28" s="1" t="s">
        <v>151</v>
      </c>
      <c r="I28" s="1">
        <v>1</v>
      </c>
      <c r="J28" s="1">
        <v>1</v>
      </c>
      <c r="K28" s="1"/>
      <c r="L28" s="1"/>
      <c r="M28" s="1">
        <v>1</v>
      </c>
      <c r="N28" s="1">
        <v>1</v>
      </c>
      <c r="O28" s="1">
        <v>35.376724500000002</v>
      </c>
      <c r="P28" s="1">
        <v>132.85026329999999</v>
      </c>
    </row>
    <row r="29" spans="1:16" ht="14.25" customHeight="1" x14ac:dyDescent="0.15">
      <c r="A29" s="1">
        <v>28</v>
      </c>
      <c r="B29" s="1" t="s">
        <v>152</v>
      </c>
      <c r="C29" s="1" t="s">
        <v>153</v>
      </c>
      <c r="D29" s="1" t="s">
        <v>154</v>
      </c>
      <c r="E29" s="1" t="s">
        <v>132</v>
      </c>
      <c r="F29" s="1" t="s">
        <v>155</v>
      </c>
      <c r="G29" s="1" t="s">
        <v>134</v>
      </c>
      <c r="H29" s="1" t="s">
        <v>84</v>
      </c>
      <c r="I29" s="1">
        <v>1</v>
      </c>
      <c r="J29" s="1"/>
      <c r="K29" s="1"/>
      <c r="L29" s="1">
        <v>1</v>
      </c>
      <c r="M29" s="1">
        <v>1</v>
      </c>
      <c r="N29" s="1">
        <v>1</v>
      </c>
      <c r="O29" s="1">
        <v>34.889538999999999</v>
      </c>
      <c r="P29" s="1">
        <v>132.0633851</v>
      </c>
    </row>
    <row r="30" spans="1:16" ht="14.25" customHeight="1" x14ac:dyDescent="0.15">
      <c r="A30" s="1">
        <v>29</v>
      </c>
      <c r="B30" s="1" t="s">
        <v>156</v>
      </c>
      <c r="C30" s="1" t="s">
        <v>157</v>
      </c>
      <c r="D30" s="1" t="s">
        <v>158</v>
      </c>
      <c r="E30" s="1" t="s">
        <v>159</v>
      </c>
      <c r="F30" s="1" t="s">
        <v>160</v>
      </c>
      <c r="G30" s="1" t="s">
        <v>161</v>
      </c>
      <c r="H30" s="1" t="s">
        <v>57</v>
      </c>
      <c r="I30" s="1">
        <v>1</v>
      </c>
      <c r="J30" s="1">
        <v>1</v>
      </c>
      <c r="K30" s="1"/>
      <c r="L30" s="1"/>
      <c r="M30" s="1">
        <v>1</v>
      </c>
      <c r="N30" s="1">
        <v>1</v>
      </c>
      <c r="O30" s="1">
        <v>34.890341599999999</v>
      </c>
      <c r="P30" s="1">
        <v>132.44045030000001</v>
      </c>
    </row>
    <row r="31" spans="1:16" ht="14.25" customHeight="1" x14ac:dyDescent="0.15">
      <c r="A31" s="1">
        <v>30</v>
      </c>
      <c r="B31" s="1" t="s">
        <v>162</v>
      </c>
      <c r="C31" s="1" t="s">
        <v>163</v>
      </c>
      <c r="D31" s="1" t="s">
        <v>164</v>
      </c>
      <c r="E31" s="1" t="s">
        <v>75</v>
      </c>
      <c r="F31" s="1" t="s">
        <v>165</v>
      </c>
      <c r="G31" s="1" t="s">
        <v>166</v>
      </c>
      <c r="H31" s="1" t="s">
        <v>167</v>
      </c>
      <c r="I31" s="1">
        <v>1</v>
      </c>
      <c r="J31" s="1"/>
      <c r="K31" s="1">
        <v>1</v>
      </c>
      <c r="L31" s="1"/>
      <c r="M31" s="1">
        <v>1</v>
      </c>
      <c r="N31" s="1">
        <v>1</v>
      </c>
      <c r="O31" s="1">
        <v>35.469340500000001</v>
      </c>
      <c r="P31" s="1">
        <v>133.0670705</v>
      </c>
    </row>
    <row r="32" spans="1:16" ht="14.25" customHeight="1" x14ac:dyDescent="0.15">
      <c r="A32" s="1">
        <v>31</v>
      </c>
      <c r="B32" s="1" t="s">
        <v>168</v>
      </c>
      <c r="C32" s="1" t="s">
        <v>169</v>
      </c>
      <c r="D32" s="1" t="s">
        <v>170</v>
      </c>
      <c r="E32" s="1" t="s">
        <v>17</v>
      </c>
      <c r="F32" s="1" t="s">
        <v>171</v>
      </c>
      <c r="G32" s="1" t="s">
        <v>70</v>
      </c>
      <c r="H32" s="1" t="s">
        <v>20</v>
      </c>
      <c r="I32" s="1">
        <v>1</v>
      </c>
      <c r="J32" s="1"/>
      <c r="K32" s="1"/>
      <c r="L32" s="1"/>
      <c r="M32" s="1">
        <v>1</v>
      </c>
      <c r="N32" s="1">
        <v>1</v>
      </c>
      <c r="O32" s="1">
        <v>35.2905035</v>
      </c>
      <c r="P32" s="1">
        <v>132.63220899999999</v>
      </c>
    </row>
    <row r="33" spans="1:16" ht="14.25" customHeight="1" x14ac:dyDescent="0.15">
      <c r="A33" s="1">
        <v>32</v>
      </c>
      <c r="B33" s="1" t="s">
        <v>172</v>
      </c>
      <c r="C33" s="1" t="s">
        <v>173</v>
      </c>
      <c r="D33" s="1" t="s">
        <v>174</v>
      </c>
      <c r="E33" s="1" t="s">
        <v>75</v>
      </c>
      <c r="F33" s="1" t="s">
        <v>175</v>
      </c>
      <c r="G33" s="1" t="s">
        <v>176</v>
      </c>
      <c r="H33" s="1" t="s">
        <v>177</v>
      </c>
      <c r="I33" s="1">
        <v>1</v>
      </c>
      <c r="J33" s="1"/>
      <c r="K33" s="1"/>
      <c r="L33" s="1"/>
      <c r="M33" s="1">
        <v>1</v>
      </c>
      <c r="N33" s="1">
        <v>1</v>
      </c>
      <c r="O33" s="1">
        <v>35.460163999999999</v>
      </c>
      <c r="P33" s="1">
        <v>133.0796004</v>
      </c>
    </row>
    <row r="34" spans="1:16" ht="14.25" customHeight="1" x14ac:dyDescent="0.15">
      <c r="A34" s="1">
        <v>33</v>
      </c>
      <c r="B34" s="1" t="s">
        <v>178</v>
      </c>
      <c r="C34" s="1" t="s">
        <v>179</v>
      </c>
      <c r="D34" s="1" t="s">
        <v>180</v>
      </c>
      <c r="E34" s="1" t="s">
        <v>75</v>
      </c>
      <c r="F34" s="1" t="s">
        <v>181</v>
      </c>
      <c r="G34" s="1" t="s">
        <v>182</v>
      </c>
      <c r="H34" s="1" t="s">
        <v>183</v>
      </c>
      <c r="I34" s="1">
        <v>1</v>
      </c>
      <c r="J34" s="1">
        <v>1</v>
      </c>
      <c r="K34" s="1"/>
      <c r="L34" s="1">
        <v>1</v>
      </c>
      <c r="M34" s="1">
        <v>1</v>
      </c>
      <c r="N34" s="1">
        <v>1</v>
      </c>
      <c r="O34" s="1">
        <v>35.447332000000003</v>
      </c>
      <c r="P34" s="1">
        <v>133.08508409999999</v>
      </c>
    </row>
    <row r="35" spans="1:16" ht="14.25" customHeight="1" x14ac:dyDescent="0.15">
      <c r="A35" s="1">
        <v>34</v>
      </c>
      <c r="B35" s="1" t="s">
        <v>184</v>
      </c>
      <c r="C35" s="1" t="s">
        <v>185</v>
      </c>
      <c r="D35" s="1" t="s">
        <v>186</v>
      </c>
      <c r="E35" s="1" t="s">
        <v>54</v>
      </c>
      <c r="F35" s="1" t="s">
        <v>187</v>
      </c>
      <c r="G35" s="1" t="s">
        <v>188</v>
      </c>
      <c r="H35" s="1" t="s">
        <v>46</v>
      </c>
      <c r="I35" s="1">
        <v>1</v>
      </c>
      <c r="J35" s="1">
        <v>1</v>
      </c>
      <c r="K35" s="1"/>
      <c r="L35" s="1"/>
      <c r="M35" s="1">
        <v>1</v>
      </c>
      <c r="N35" s="1">
        <v>1</v>
      </c>
      <c r="O35" s="1">
        <v>35.1752392</v>
      </c>
      <c r="P35" s="1">
        <v>133.0857671</v>
      </c>
    </row>
    <row r="36" spans="1:16" ht="14.25" customHeight="1" x14ac:dyDescent="0.15">
      <c r="A36" s="1">
        <v>35</v>
      </c>
      <c r="B36" s="1" t="s">
        <v>189</v>
      </c>
      <c r="C36" s="1" t="s">
        <v>108</v>
      </c>
      <c r="D36" s="1" t="s">
        <v>190</v>
      </c>
      <c r="E36" s="1" t="s">
        <v>104</v>
      </c>
      <c r="F36" s="1" t="s">
        <v>191</v>
      </c>
      <c r="G36" s="1" t="s">
        <v>45</v>
      </c>
      <c r="H36" s="1" t="s">
        <v>78</v>
      </c>
      <c r="I36" s="1">
        <v>1</v>
      </c>
      <c r="J36" s="1"/>
      <c r="K36" s="1"/>
      <c r="L36" s="1"/>
      <c r="M36" s="1">
        <v>1</v>
      </c>
      <c r="N36" s="1">
        <v>1</v>
      </c>
      <c r="O36" s="1">
        <v>34.689359600000003</v>
      </c>
      <c r="P36" s="1">
        <v>131.80843160000001</v>
      </c>
    </row>
    <row r="37" spans="1:16" ht="14.25" customHeight="1" x14ac:dyDescent="0.15">
      <c r="A37" s="1">
        <v>36</v>
      </c>
      <c r="B37" s="1" t="s">
        <v>192</v>
      </c>
      <c r="C37" s="1" t="s">
        <v>193</v>
      </c>
      <c r="D37" s="1" t="s">
        <v>194</v>
      </c>
      <c r="E37" s="1" t="s">
        <v>75</v>
      </c>
      <c r="F37" s="1" t="s">
        <v>195</v>
      </c>
      <c r="G37" s="1" t="s">
        <v>19</v>
      </c>
      <c r="H37" s="1" t="s">
        <v>196</v>
      </c>
      <c r="I37" s="1">
        <v>1</v>
      </c>
      <c r="J37" s="1">
        <v>1</v>
      </c>
      <c r="K37" s="1"/>
      <c r="L37" s="1"/>
      <c r="M37" s="1">
        <v>1</v>
      </c>
      <c r="N37" s="1">
        <v>1</v>
      </c>
      <c r="O37" s="1">
        <v>35.463977100000001</v>
      </c>
      <c r="P37" s="1">
        <v>133.0619906</v>
      </c>
    </row>
    <row r="38" spans="1:16" ht="14.25" customHeight="1" x14ac:dyDescent="0.15">
      <c r="A38" s="1">
        <v>37</v>
      </c>
      <c r="B38" s="1" t="s">
        <v>197</v>
      </c>
      <c r="C38" s="1" t="s">
        <v>198</v>
      </c>
      <c r="D38" s="1" t="s">
        <v>199</v>
      </c>
      <c r="E38" s="1" t="s">
        <v>159</v>
      </c>
      <c r="F38" s="1" t="s">
        <v>200</v>
      </c>
      <c r="G38" s="1" t="s">
        <v>201</v>
      </c>
      <c r="H38" s="1" t="s">
        <v>202</v>
      </c>
      <c r="I38" s="1">
        <v>1</v>
      </c>
      <c r="J38" s="1"/>
      <c r="K38" s="1"/>
      <c r="L38" s="1"/>
      <c r="M38" s="1">
        <v>1</v>
      </c>
      <c r="N38" s="1">
        <v>1</v>
      </c>
      <c r="O38" s="1">
        <v>35.1943172</v>
      </c>
      <c r="P38" s="1">
        <v>132.49997920000001</v>
      </c>
    </row>
    <row r="39" spans="1:16" ht="14.25" customHeight="1" x14ac:dyDescent="0.15">
      <c r="A39" s="1">
        <v>38</v>
      </c>
      <c r="B39" s="1" t="s">
        <v>203</v>
      </c>
      <c r="C39" s="1" t="s">
        <v>204</v>
      </c>
      <c r="D39" s="1" t="s">
        <v>205</v>
      </c>
      <c r="E39" s="1" t="s">
        <v>159</v>
      </c>
      <c r="F39" s="1" t="s">
        <v>206</v>
      </c>
      <c r="G39" s="1" t="s">
        <v>207</v>
      </c>
      <c r="H39" s="1" t="s">
        <v>208</v>
      </c>
      <c r="I39" s="1">
        <v>1</v>
      </c>
      <c r="J39" s="1">
        <v>1</v>
      </c>
      <c r="K39" s="1"/>
      <c r="L39" s="1"/>
      <c r="M39" s="1">
        <v>1</v>
      </c>
      <c r="N39" s="1">
        <v>1</v>
      </c>
      <c r="O39" s="1">
        <v>35.148247499999997</v>
      </c>
      <c r="P39" s="1">
        <v>132.4071194</v>
      </c>
    </row>
    <row r="40" spans="1:16" ht="14.25" customHeight="1" x14ac:dyDescent="0.15">
      <c r="A40" s="1">
        <v>39</v>
      </c>
      <c r="B40" s="1" t="s">
        <v>209</v>
      </c>
      <c r="C40" s="1" t="s">
        <v>210</v>
      </c>
      <c r="D40" s="1" t="s">
        <v>211</v>
      </c>
      <c r="E40" s="1" t="s">
        <v>54</v>
      </c>
      <c r="F40" s="1" t="s">
        <v>212</v>
      </c>
      <c r="G40" s="1"/>
      <c r="H40" s="1" t="s">
        <v>57</v>
      </c>
      <c r="I40" s="1">
        <v>1</v>
      </c>
      <c r="J40" s="1">
        <v>1</v>
      </c>
      <c r="K40" s="1"/>
      <c r="L40" s="1"/>
      <c r="M40" s="1">
        <v>1</v>
      </c>
      <c r="N40" s="1">
        <v>1</v>
      </c>
      <c r="O40" s="1">
        <v>35.020438200000001</v>
      </c>
      <c r="P40" s="1">
        <v>132.7297528</v>
      </c>
    </row>
    <row r="41" spans="1:16" ht="14.25" customHeight="1" x14ac:dyDescent="0.15">
      <c r="A41" s="1">
        <v>40</v>
      </c>
      <c r="B41" s="1" t="s">
        <v>213</v>
      </c>
      <c r="C41" s="1" t="s">
        <v>214</v>
      </c>
      <c r="D41" s="1" t="s">
        <v>215</v>
      </c>
      <c r="E41" s="1" t="s">
        <v>132</v>
      </c>
      <c r="F41" s="1" t="s">
        <v>216</v>
      </c>
      <c r="G41" s="1" t="s">
        <v>217</v>
      </c>
      <c r="H41" s="1" t="s">
        <v>57</v>
      </c>
      <c r="I41" s="1"/>
      <c r="J41" s="1">
        <v>1</v>
      </c>
      <c r="K41" s="1">
        <v>1</v>
      </c>
      <c r="L41" s="1"/>
      <c r="M41" s="1">
        <v>1</v>
      </c>
      <c r="N41" s="1">
        <v>1</v>
      </c>
      <c r="O41" s="1">
        <v>34.890239600000001</v>
      </c>
      <c r="P41" s="1">
        <v>132.0865191</v>
      </c>
    </row>
    <row r="42" spans="1:16" ht="14.25" customHeight="1" x14ac:dyDescent="0.15">
      <c r="A42" s="1">
        <v>41</v>
      </c>
      <c r="B42" s="1" t="s">
        <v>218</v>
      </c>
      <c r="C42" s="1" t="s">
        <v>219</v>
      </c>
      <c r="D42" s="1" t="s">
        <v>220</v>
      </c>
      <c r="E42" s="1" t="s">
        <v>104</v>
      </c>
      <c r="F42" s="1" t="s">
        <v>221</v>
      </c>
      <c r="G42" s="1" t="s">
        <v>222</v>
      </c>
      <c r="H42" s="1" t="s">
        <v>223</v>
      </c>
      <c r="I42" s="1">
        <v>1</v>
      </c>
      <c r="J42" s="1">
        <v>1</v>
      </c>
      <c r="K42" s="1">
        <v>1</v>
      </c>
      <c r="L42" s="1">
        <v>1</v>
      </c>
      <c r="M42" s="1">
        <v>1</v>
      </c>
      <c r="N42" s="1">
        <v>1</v>
      </c>
      <c r="O42" s="1">
        <v>34.673206200000003</v>
      </c>
      <c r="P42" s="1">
        <v>131.84737269999999</v>
      </c>
    </row>
    <row r="43" spans="1:16" ht="14.25" customHeight="1" x14ac:dyDescent="0.15">
      <c r="A43" s="1">
        <v>42</v>
      </c>
      <c r="B43" s="1" t="s">
        <v>224</v>
      </c>
      <c r="C43" s="1" t="s">
        <v>225</v>
      </c>
      <c r="D43" s="1" t="s">
        <v>226</v>
      </c>
      <c r="E43" s="1" t="s">
        <v>75</v>
      </c>
      <c r="F43" s="1" t="s">
        <v>227</v>
      </c>
      <c r="G43" s="1" t="s">
        <v>19</v>
      </c>
      <c r="H43" s="1" t="s">
        <v>228</v>
      </c>
      <c r="I43" s="1">
        <v>1</v>
      </c>
      <c r="J43" s="1"/>
      <c r="K43" s="1"/>
      <c r="L43" s="1"/>
      <c r="M43" s="1">
        <v>1</v>
      </c>
      <c r="N43" s="1">
        <v>1</v>
      </c>
      <c r="O43" s="1">
        <v>35.380687500000001</v>
      </c>
      <c r="P43" s="1">
        <v>133.19457650000001</v>
      </c>
    </row>
    <row r="44" spans="1:16" ht="14.25" customHeight="1" x14ac:dyDescent="0.15">
      <c r="A44" s="1">
        <v>43</v>
      </c>
      <c r="B44" s="1" t="s">
        <v>229</v>
      </c>
      <c r="C44" s="1" t="s">
        <v>230</v>
      </c>
      <c r="D44" s="1" t="s">
        <v>231</v>
      </c>
      <c r="E44" s="1" t="s">
        <v>75</v>
      </c>
      <c r="F44" s="1" t="s">
        <v>232</v>
      </c>
      <c r="G44" s="1"/>
      <c r="H44" s="1" t="s">
        <v>233</v>
      </c>
      <c r="I44" s="1">
        <v>1</v>
      </c>
      <c r="J44" s="1">
        <v>1</v>
      </c>
      <c r="K44" s="1"/>
      <c r="L44" s="1"/>
      <c r="M44" s="1">
        <v>1</v>
      </c>
      <c r="N44" s="1">
        <v>1</v>
      </c>
      <c r="O44" s="1">
        <v>35.518244000000003</v>
      </c>
      <c r="P44" s="1">
        <v>133.13658659999999</v>
      </c>
    </row>
    <row r="45" spans="1:16" ht="14.25" customHeight="1" x14ac:dyDescent="0.15">
      <c r="A45" s="1">
        <v>44</v>
      </c>
      <c r="B45" s="1" t="s">
        <v>234</v>
      </c>
      <c r="C45" s="1" t="s">
        <v>198</v>
      </c>
      <c r="D45" s="1" t="s">
        <v>235</v>
      </c>
      <c r="E45" s="1" t="s">
        <v>159</v>
      </c>
      <c r="F45" s="1" t="s">
        <v>236</v>
      </c>
      <c r="G45" s="1" t="s">
        <v>237</v>
      </c>
      <c r="H45" s="1" t="s">
        <v>238</v>
      </c>
      <c r="I45" s="1">
        <v>1</v>
      </c>
      <c r="J45" s="1">
        <v>1</v>
      </c>
      <c r="K45" s="1"/>
      <c r="L45" s="1"/>
      <c r="M45" s="1">
        <v>1</v>
      </c>
      <c r="N45" s="1">
        <v>1</v>
      </c>
      <c r="O45" s="1">
        <v>35.1997888</v>
      </c>
      <c r="P45" s="1">
        <v>132.50003480000001</v>
      </c>
    </row>
    <row r="46" spans="1:16" ht="14.25" customHeight="1" x14ac:dyDescent="0.15">
      <c r="A46" s="1">
        <v>45</v>
      </c>
      <c r="B46" s="1" t="s">
        <v>239</v>
      </c>
      <c r="C46" s="1" t="s">
        <v>240</v>
      </c>
      <c r="D46" s="1" t="s">
        <v>241</v>
      </c>
      <c r="E46" s="1" t="s">
        <v>75</v>
      </c>
      <c r="F46" s="1" t="s">
        <v>242</v>
      </c>
      <c r="G46" s="1" t="s">
        <v>45</v>
      </c>
      <c r="H46" s="1" t="s">
        <v>84</v>
      </c>
      <c r="I46" s="1">
        <v>1</v>
      </c>
      <c r="J46" s="1">
        <v>1</v>
      </c>
      <c r="K46" s="1"/>
      <c r="L46" s="1"/>
      <c r="M46" s="1">
        <v>1</v>
      </c>
      <c r="N46" s="1">
        <v>1</v>
      </c>
      <c r="O46" s="1">
        <v>35.435372399999999</v>
      </c>
      <c r="P46" s="1">
        <v>133.25367309999999</v>
      </c>
    </row>
    <row r="47" spans="1:16" ht="14.25" customHeight="1" x14ac:dyDescent="0.15">
      <c r="A47" s="1">
        <v>46</v>
      </c>
      <c r="B47" s="1" t="s">
        <v>243</v>
      </c>
      <c r="C47" s="1" t="s">
        <v>244</v>
      </c>
      <c r="D47" s="1" t="s">
        <v>245</v>
      </c>
      <c r="E47" s="1" t="s">
        <v>104</v>
      </c>
      <c r="F47" s="1" t="s">
        <v>246</v>
      </c>
      <c r="G47" s="1" t="s">
        <v>19</v>
      </c>
      <c r="H47" s="1" t="s">
        <v>183</v>
      </c>
      <c r="I47" s="1">
        <v>1</v>
      </c>
      <c r="J47" s="1">
        <v>1</v>
      </c>
      <c r="K47" s="1">
        <v>1</v>
      </c>
      <c r="L47" s="1">
        <v>1</v>
      </c>
      <c r="M47" s="1">
        <v>1</v>
      </c>
      <c r="N47" s="1">
        <v>1</v>
      </c>
      <c r="O47" s="1">
        <v>34.4501785</v>
      </c>
      <c r="P47" s="1">
        <v>131.76077100000001</v>
      </c>
    </row>
    <row r="48" spans="1:16" ht="14.25" customHeight="1" x14ac:dyDescent="0.15">
      <c r="A48" s="1">
        <v>47</v>
      </c>
      <c r="B48" s="1" t="s">
        <v>247</v>
      </c>
      <c r="C48" s="1" t="s">
        <v>248</v>
      </c>
      <c r="D48" s="1" t="s">
        <v>249</v>
      </c>
      <c r="E48" s="1" t="s">
        <v>159</v>
      </c>
      <c r="F48" s="1" t="s">
        <v>250</v>
      </c>
      <c r="G48" s="1" t="s">
        <v>251</v>
      </c>
      <c r="H48" s="1" t="s">
        <v>20</v>
      </c>
      <c r="I48" s="1">
        <v>1</v>
      </c>
      <c r="J48" s="1"/>
      <c r="K48" s="1"/>
      <c r="L48" s="1"/>
      <c r="M48" s="1">
        <v>1</v>
      </c>
      <c r="N48" s="1">
        <v>1</v>
      </c>
      <c r="O48" s="1">
        <v>34.966000399999999</v>
      </c>
      <c r="P48" s="1">
        <v>132.47298960000001</v>
      </c>
    </row>
    <row r="49" spans="1:16" ht="14.25" customHeight="1" x14ac:dyDescent="0.15">
      <c r="A49" s="1">
        <v>48</v>
      </c>
      <c r="B49" s="1" t="s">
        <v>252</v>
      </c>
      <c r="C49" s="1" t="s">
        <v>253</v>
      </c>
      <c r="D49" s="1" t="s">
        <v>254</v>
      </c>
      <c r="E49" s="1" t="s">
        <v>17</v>
      </c>
      <c r="F49" s="1" t="s">
        <v>255</v>
      </c>
      <c r="G49" s="1" t="s">
        <v>19</v>
      </c>
      <c r="H49" s="1" t="s">
        <v>71</v>
      </c>
      <c r="I49" s="1">
        <v>1</v>
      </c>
      <c r="J49" s="1"/>
      <c r="K49" s="1"/>
      <c r="L49" s="1"/>
      <c r="M49" s="1">
        <v>1</v>
      </c>
      <c r="N49" s="1">
        <v>1</v>
      </c>
      <c r="O49" s="1">
        <v>35.373075499999999</v>
      </c>
      <c r="P49" s="1">
        <v>132.73678559999999</v>
      </c>
    </row>
    <row r="50" spans="1:16" ht="14.25" customHeight="1" x14ac:dyDescent="0.15">
      <c r="A50" s="1">
        <v>49</v>
      </c>
      <c r="B50" s="1" t="s">
        <v>256</v>
      </c>
      <c r="C50" s="1" t="s">
        <v>257</v>
      </c>
      <c r="D50" s="1" t="s">
        <v>258</v>
      </c>
      <c r="E50" s="1" t="s">
        <v>132</v>
      </c>
      <c r="F50" s="1" t="s">
        <v>259</v>
      </c>
      <c r="G50" s="1" t="s">
        <v>260</v>
      </c>
      <c r="H50" s="1" t="s">
        <v>84</v>
      </c>
      <c r="I50" s="1">
        <v>1</v>
      </c>
      <c r="J50" s="1">
        <v>1</v>
      </c>
      <c r="K50" s="1"/>
      <c r="L50" s="1"/>
      <c r="M50" s="1">
        <v>1</v>
      </c>
      <c r="N50" s="1">
        <v>1</v>
      </c>
      <c r="O50" s="1">
        <v>34.782811899999999</v>
      </c>
      <c r="P50" s="1">
        <v>131.9560276</v>
      </c>
    </row>
    <row r="51" spans="1:16" ht="14.25" customHeight="1" x14ac:dyDescent="0.15">
      <c r="A51" s="1">
        <v>50</v>
      </c>
      <c r="B51" s="1" t="s">
        <v>261</v>
      </c>
      <c r="C51" s="1" t="s">
        <v>262</v>
      </c>
      <c r="D51" s="1" t="s">
        <v>263</v>
      </c>
      <c r="E51" s="1" t="s">
        <v>75</v>
      </c>
      <c r="F51" s="1" t="s">
        <v>264</v>
      </c>
      <c r="G51" s="1" t="s">
        <v>265</v>
      </c>
      <c r="H51" s="1" t="s">
        <v>120</v>
      </c>
      <c r="I51" s="1">
        <v>1</v>
      </c>
      <c r="J51" s="1">
        <v>1</v>
      </c>
      <c r="K51" s="1">
        <v>1</v>
      </c>
      <c r="L51" s="1">
        <v>1</v>
      </c>
      <c r="M51" s="1">
        <v>1</v>
      </c>
      <c r="N51" s="1">
        <v>1</v>
      </c>
      <c r="O51" s="1">
        <v>35.472748000000003</v>
      </c>
      <c r="P51" s="1">
        <v>133.05289669999999</v>
      </c>
    </row>
    <row r="52" spans="1:16" ht="14.25" customHeight="1" x14ac:dyDescent="0.15">
      <c r="A52" s="1">
        <v>51</v>
      </c>
      <c r="B52" s="1" t="s">
        <v>266</v>
      </c>
      <c r="C52" s="1" t="s">
        <v>267</v>
      </c>
      <c r="D52" s="1" t="s">
        <v>268</v>
      </c>
      <c r="E52" s="1" t="s">
        <v>75</v>
      </c>
      <c r="F52" s="1" t="s">
        <v>269</v>
      </c>
      <c r="G52" s="1" t="s">
        <v>134</v>
      </c>
      <c r="H52" s="1" t="s">
        <v>84</v>
      </c>
      <c r="I52" s="1">
        <v>1</v>
      </c>
      <c r="J52" s="1">
        <v>1</v>
      </c>
      <c r="K52" s="1"/>
      <c r="L52" s="1"/>
      <c r="M52" s="1">
        <v>1</v>
      </c>
      <c r="N52" s="1">
        <v>1</v>
      </c>
      <c r="O52" s="1">
        <v>35.426328699999999</v>
      </c>
      <c r="P52" s="1">
        <v>133.09024260000001</v>
      </c>
    </row>
    <row r="53" spans="1:16" ht="14.25" customHeight="1" x14ac:dyDescent="0.15">
      <c r="A53" s="1">
        <v>52</v>
      </c>
      <c r="B53" s="1" t="s">
        <v>270</v>
      </c>
      <c r="C53" s="1" t="s">
        <v>271</v>
      </c>
      <c r="D53" s="1" t="s">
        <v>272</v>
      </c>
      <c r="E53" s="1" t="s">
        <v>75</v>
      </c>
      <c r="F53" s="1" t="s">
        <v>273</v>
      </c>
      <c r="G53" s="1" t="s">
        <v>217</v>
      </c>
      <c r="H53" s="1" t="s">
        <v>57</v>
      </c>
      <c r="I53" s="1">
        <v>1</v>
      </c>
      <c r="J53" s="1"/>
      <c r="K53" s="1">
        <v>1</v>
      </c>
      <c r="L53" s="1"/>
      <c r="M53" s="1">
        <v>1</v>
      </c>
      <c r="N53" s="1">
        <v>1</v>
      </c>
      <c r="O53" s="1">
        <v>35.478281299999999</v>
      </c>
      <c r="P53" s="1">
        <v>132.98083209999999</v>
      </c>
    </row>
    <row r="54" spans="1:16" ht="14.25" customHeight="1" x14ac:dyDescent="0.15">
      <c r="A54" s="1">
        <v>53</v>
      </c>
      <c r="B54" s="1" t="s">
        <v>274</v>
      </c>
      <c r="C54" s="1" t="s">
        <v>275</v>
      </c>
      <c r="D54" s="1" t="s">
        <v>276</v>
      </c>
      <c r="E54" s="1" t="s">
        <v>54</v>
      </c>
      <c r="F54" s="1" t="s">
        <v>277</v>
      </c>
      <c r="G54" s="1" t="s">
        <v>19</v>
      </c>
      <c r="H54" s="1"/>
      <c r="I54" s="1">
        <v>1</v>
      </c>
      <c r="J54" s="1"/>
      <c r="K54" s="1"/>
      <c r="L54" s="1"/>
      <c r="M54" s="1">
        <v>1</v>
      </c>
      <c r="N54" s="1">
        <v>1</v>
      </c>
      <c r="O54" s="1">
        <v>35.2272046</v>
      </c>
      <c r="P54" s="1">
        <v>133.08677230000001</v>
      </c>
    </row>
    <row r="55" spans="1:16" ht="14.25" customHeight="1" x14ac:dyDescent="0.15">
      <c r="A55" s="1">
        <v>54</v>
      </c>
      <c r="B55" s="1" t="s">
        <v>278</v>
      </c>
      <c r="C55" s="1" t="s">
        <v>279</v>
      </c>
      <c r="D55" s="1" t="s">
        <v>280</v>
      </c>
      <c r="E55" s="1" t="s">
        <v>132</v>
      </c>
      <c r="F55" s="1" t="s">
        <v>281</v>
      </c>
      <c r="G55" s="1"/>
      <c r="H55" s="1" t="s">
        <v>282</v>
      </c>
      <c r="I55" s="1">
        <v>1</v>
      </c>
      <c r="J55" s="1"/>
      <c r="K55" s="1">
        <v>1</v>
      </c>
      <c r="L55" s="1"/>
      <c r="M55" s="1">
        <v>1</v>
      </c>
      <c r="N55" s="1">
        <v>1</v>
      </c>
      <c r="O55" s="1">
        <v>34.897216700000001</v>
      </c>
      <c r="P55" s="1">
        <v>132.083708</v>
      </c>
    </row>
    <row r="56" spans="1:16" ht="14.25" customHeight="1" x14ac:dyDescent="0.15">
      <c r="A56" s="1">
        <v>55</v>
      </c>
      <c r="B56" s="1" t="s">
        <v>283</v>
      </c>
      <c r="C56" s="1" t="s">
        <v>284</v>
      </c>
      <c r="D56" s="1" t="s">
        <v>285</v>
      </c>
      <c r="E56" s="1" t="s">
        <v>104</v>
      </c>
      <c r="F56" s="1" t="s">
        <v>286</v>
      </c>
      <c r="G56" s="1" t="s">
        <v>19</v>
      </c>
      <c r="H56" s="1" t="s">
        <v>40</v>
      </c>
      <c r="I56" s="1">
        <v>1</v>
      </c>
      <c r="J56" s="1"/>
      <c r="K56" s="1">
        <v>1</v>
      </c>
      <c r="L56" s="1"/>
      <c r="M56" s="1">
        <v>1</v>
      </c>
      <c r="N56" s="1">
        <v>1</v>
      </c>
      <c r="O56" s="1">
        <v>34.675394900000001</v>
      </c>
      <c r="P56" s="1">
        <v>131.84465349999999</v>
      </c>
    </row>
    <row r="57" spans="1:16" ht="14.25" customHeight="1" x14ac:dyDescent="0.15">
      <c r="A57" s="1">
        <v>56</v>
      </c>
      <c r="B57" s="1" t="s">
        <v>287</v>
      </c>
      <c r="C57" s="1" t="s">
        <v>288</v>
      </c>
      <c r="D57" s="1" t="s">
        <v>289</v>
      </c>
      <c r="E57" s="1" t="s">
        <v>132</v>
      </c>
      <c r="F57" s="1" t="s">
        <v>290</v>
      </c>
      <c r="G57" s="1" t="s">
        <v>19</v>
      </c>
      <c r="H57" s="1" t="s">
        <v>120</v>
      </c>
      <c r="I57" s="1">
        <v>1</v>
      </c>
      <c r="J57" s="1">
        <v>1</v>
      </c>
      <c r="K57" s="1">
        <v>1</v>
      </c>
      <c r="L57" s="1">
        <v>1</v>
      </c>
      <c r="M57" s="1">
        <v>1</v>
      </c>
      <c r="N57" s="1">
        <v>1</v>
      </c>
      <c r="O57" s="1">
        <v>34.9000494</v>
      </c>
      <c r="P57" s="1">
        <v>132.07158960000001</v>
      </c>
    </row>
    <row r="58" spans="1:16" ht="14.25" customHeight="1" x14ac:dyDescent="0.15">
      <c r="A58" s="1">
        <v>57</v>
      </c>
      <c r="B58" s="1" t="s">
        <v>291</v>
      </c>
      <c r="C58" s="1" t="s">
        <v>292</v>
      </c>
      <c r="D58" s="1" t="s">
        <v>293</v>
      </c>
      <c r="E58" s="1" t="s">
        <v>17</v>
      </c>
      <c r="F58" s="1" t="s">
        <v>294</v>
      </c>
      <c r="G58" s="1" t="s">
        <v>19</v>
      </c>
      <c r="H58" s="1" t="s">
        <v>295</v>
      </c>
      <c r="I58" s="1">
        <v>1</v>
      </c>
      <c r="J58" s="1">
        <v>1</v>
      </c>
      <c r="K58" s="1"/>
      <c r="L58" s="1"/>
      <c r="M58" s="1">
        <v>1</v>
      </c>
      <c r="N58" s="1">
        <v>1</v>
      </c>
      <c r="O58" s="1">
        <v>35.496103699999999</v>
      </c>
      <c r="P58" s="1">
        <v>132.87384879999999</v>
      </c>
    </row>
    <row r="59" spans="1:16" ht="14.25" customHeight="1" x14ac:dyDescent="0.15">
      <c r="A59" s="1">
        <v>58</v>
      </c>
      <c r="B59" s="1" t="s">
        <v>296</v>
      </c>
      <c r="C59" s="1" t="s">
        <v>297</v>
      </c>
      <c r="D59" s="1" t="s">
        <v>298</v>
      </c>
      <c r="E59" s="1" t="s">
        <v>75</v>
      </c>
      <c r="F59" s="1" t="s">
        <v>299</v>
      </c>
      <c r="G59" s="1" t="s">
        <v>300</v>
      </c>
      <c r="H59" s="1" t="s">
        <v>301</v>
      </c>
      <c r="I59" s="1">
        <v>1</v>
      </c>
      <c r="J59" s="1"/>
      <c r="K59" s="1"/>
      <c r="L59" s="1"/>
      <c r="M59" s="1">
        <v>1</v>
      </c>
      <c r="N59" s="1">
        <v>1</v>
      </c>
      <c r="O59" s="1">
        <v>35.465181899999997</v>
      </c>
      <c r="P59" s="1">
        <v>133.04020370000001</v>
      </c>
    </row>
    <row r="60" spans="1:16" ht="14.25" customHeight="1" x14ac:dyDescent="0.15">
      <c r="A60" s="1">
        <v>59</v>
      </c>
      <c r="B60" s="1" t="s">
        <v>302</v>
      </c>
      <c r="C60" s="1" t="s">
        <v>303</v>
      </c>
      <c r="D60" s="1" t="s">
        <v>304</v>
      </c>
      <c r="E60" s="1" t="s">
        <v>17</v>
      </c>
      <c r="F60" s="1" t="s">
        <v>305</v>
      </c>
      <c r="G60" s="1" t="s">
        <v>19</v>
      </c>
      <c r="H60" s="1" t="s">
        <v>20</v>
      </c>
      <c r="I60" s="1">
        <v>1</v>
      </c>
      <c r="J60" s="1">
        <v>1</v>
      </c>
      <c r="K60" s="1"/>
      <c r="L60" s="1"/>
      <c r="M60" s="1">
        <v>1</v>
      </c>
      <c r="N60" s="1">
        <v>1</v>
      </c>
      <c r="O60" s="1">
        <v>35.365016500000003</v>
      </c>
      <c r="P60" s="1">
        <v>132.77745390000001</v>
      </c>
    </row>
    <row r="61" spans="1:16" ht="14.25" customHeight="1" x14ac:dyDescent="0.15">
      <c r="A61" s="1">
        <v>60</v>
      </c>
      <c r="B61" s="1" t="s">
        <v>306</v>
      </c>
      <c r="C61" s="1" t="s">
        <v>307</v>
      </c>
      <c r="D61" s="1" t="s">
        <v>308</v>
      </c>
      <c r="E61" s="1" t="s">
        <v>17</v>
      </c>
      <c r="F61" s="1" t="s">
        <v>309</v>
      </c>
      <c r="G61" s="1" t="s">
        <v>19</v>
      </c>
      <c r="H61" s="1" t="s">
        <v>20</v>
      </c>
      <c r="I61" s="1">
        <v>1</v>
      </c>
      <c r="J61" s="1">
        <v>1</v>
      </c>
      <c r="K61" s="1"/>
      <c r="L61" s="1"/>
      <c r="M61" s="1">
        <v>1</v>
      </c>
      <c r="N61" s="1">
        <v>1</v>
      </c>
      <c r="O61" s="1">
        <v>35.385199399999998</v>
      </c>
      <c r="P61" s="1">
        <v>132.74169280000001</v>
      </c>
    </row>
    <row r="62" spans="1:16" ht="14.25" customHeight="1" x14ac:dyDescent="0.15">
      <c r="A62" s="1">
        <v>61</v>
      </c>
      <c r="B62" s="1" t="s">
        <v>310</v>
      </c>
      <c r="C62" s="1" t="s">
        <v>311</v>
      </c>
      <c r="D62" s="1" t="s">
        <v>312</v>
      </c>
      <c r="E62" s="1" t="s">
        <v>17</v>
      </c>
      <c r="F62" s="1" t="s">
        <v>313</v>
      </c>
      <c r="G62" s="1" t="s">
        <v>19</v>
      </c>
      <c r="H62" s="1" t="s">
        <v>20</v>
      </c>
      <c r="I62" s="1">
        <v>1</v>
      </c>
      <c r="J62" s="1">
        <v>1</v>
      </c>
      <c r="K62" s="1"/>
      <c r="L62" s="1"/>
      <c r="M62" s="1">
        <v>1</v>
      </c>
      <c r="N62" s="1">
        <v>1</v>
      </c>
      <c r="O62" s="1">
        <v>35.380420600000001</v>
      </c>
      <c r="P62" s="1">
        <v>132.80056210000001</v>
      </c>
    </row>
    <row r="63" spans="1:16" ht="14.25" customHeight="1" x14ac:dyDescent="0.15">
      <c r="A63" s="1">
        <v>62</v>
      </c>
      <c r="B63" s="1" t="s">
        <v>314</v>
      </c>
      <c r="C63" s="1" t="s">
        <v>37</v>
      </c>
      <c r="D63" s="1" t="s">
        <v>315</v>
      </c>
      <c r="E63" s="1" t="s">
        <v>17</v>
      </c>
      <c r="F63" s="1" t="s">
        <v>316</v>
      </c>
      <c r="G63" s="1" t="s">
        <v>19</v>
      </c>
      <c r="H63" s="1" t="s">
        <v>20</v>
      </c>
      <c r="I63" s="1">
        <v>1</v>
      </c>
      <c r="J63" s="1">
        <v>1</v>
      </c>
      <c r="K63" s="1"/>
      <c r="L63" s="1"/>
      <c r="M63" s="1">
        <v>1</v>
      </c>
      <c r="N63" s="1">
        <v>1</v>
      </c>
      <c r="O63" s="1">
        <v>35.366204199999999</v>
      </c>
      <c r="P63" s="1">
        <v>132.74164099999999</v>
      </c>
    </row>
    <row r="64" spans="1:16" ht="14.25" customHeight="1" x14ac:dyDescent="0.15">
      <c r="A64" s="1">
        <v>63</v>
      </c>
      <c r="B64" s="1" t="s">
        <v>317</v>
      </c>
      <c r="C64" s="1" t="s">
        <v>67</v>
      </c>
      <c r="D64" s="1" t="s">
        <v>318</v>
      </c>
      <c r="E64" s="1" t="s">
        <v>17</v>
      </c>
      <c r="F64" s="1" t="s">
        <v>319</v>
      </c>
      <c r="G64" s="1" t="s">
        <v>19</v>
      </c>
      <c r="H64" s="1" t="s">
        <v>20</v>
      </c>
      <c r="I64" s="1">
        <v>1</v>
      </c>
      <c r="J64" s="1">
        <v>1</v>
      </c>
      <c r="K64" s="1"/>
      <c r="L64" s="1"/>
      <c r="M64" s="1">
        <v>1</v>
      </c>
      <c r="N64" s="1">
        <v>1</v>
      </c>
      <c r="O64" s="1">
        <v>35.367496299999999</v>
      </c>
      <c r="P64" s="1">
        <v>132.76090020000001</v>
      </c>
    </row>
    <row r="65" spans="1:16" ht="14.25" customHeight="1" x14ac:dyDescent="0.15">
      <c r="A65" s="1">
        <v>64</v>
      </c>
      <c r="B65" s="1" t="s">
        <v>320</v>
      </c>
      <c r="C65" s="1" t="s">
        <v>321</v>
      </c>
      <c r="D65" s="1" t="s">
        <v>322</v>
      </c>
      <c r="E65" s="1" t="s">
        <v>17</v>
      </c>
      <c r="F65" s="1" t="s">
        <v>305</v>
      </c>
      <c r="G65" s="1" t="s">
        <v>19</v>
      </c>
      <c r="H65" s="1" t="s">
        <v>20</v>
      </c>
      <c r="I65" s="1">
        <v>1</v>
      </c>
      <c r="J65" s="1">
        <v>1</v>
      </c>
      <c r="K65" s="1"/>
      <c r="L65" s="1"/>
      <c r="M65" s="1">
        <v>1</v>
      </c>
      <c r="N65" s="1">
        <v>1</v>
      </c>
      <c r="O65" s="1">
        <v>35.329801500000002</v>
      </c>
      <c r="P65" s="1">
        <v>132.67598240000001</v>
      </c>
    </row>
    <row r="66" spans="1:16" ht="14.25" customHeight="1" x14ac:dyDescent="0.15">
      <c r="A66" s="1">
        <v>65</v>
      </c>
      <c r="B66" s="1" t="s">
        <v>323</v>
      </c>
      <c r="C66" s="1" t="s">
        <v>324</v>
      </c>
      <c r="D66" s="1" t="s">
        <v>325</v>
      </c>
      <c r="E66" s="1" t="s">
        <v>75</v>
      </c>
      <c r="F66" s="1" t="s">
        <v>326</v>
      </c>
      <c r="G66" s="1" t="s">
        <v>89</v>
      </c>
      <c r="H66" s="1" t="s">
        <v>46</v>
      </c>
      <c r="I66" s="1">
        <v>1</v>
      </c>
      <c r="J66" s="1"/>
      <c r="K66" s="1">
        <v>1</v>
      </c>
      <c r="L66" s="1">
        <v>1</v>
      </c>
      <c r="M66" s="1">
        <v>1</v>
      </c>
      <c r="N66" s="1">
        <v>1</v>
      </c>
      <c r="O66" s="1">
        <v>35.482281</v>
      </c>
      <c r="P66" s="1">
        <v>133.068836</v>
      </c>
    </row>
    <row r="67" spans="1:16" ht="14.25" customHeight="1" x14ac:dyDescent="0.15">
      <c r="A67" s="1">
        <v>66</v>
      </c>
      <c r="B67" s="1" t="s">
        <v>327</v>
      </c>
      <c r="C67" s="1" t="s">
        <v>328</v>
      </c>
      <c r="D67" s="1" t="s">
        <v>329</v>
      </c>
      <c r="E67" s="1" t="s">
        <v>75</v>
      </c>
      <c r="F67" s="1" t="s">
        <v>330</v>
      </c>
      <c r="G67" s="1" t="s">
        <v>19</v>
      </c>
      <c r="H67" s="1" t="s">
        <v>331</v>
      </c>
      <c r="I67" s="1">
        <v>1</v>
      </c>
      <c r="J67" s="1"/>
      <c r="K67" s="1"/>
      <c r="L67" s="1"/>
      <c r="M67" s="1">
        <v>1</v>
      </c>
      <c r="N67" s="1">
        <v>1</v>
      </c>
      <c r="O67" s="1">
        <v>35.482280699999997</v>
      </c>
      <c r="P67" s="1">
        <v>133.0688365</v>
      </c>
    </row>
    <row r="68" spans="1:16" ht="14.25" customHeight="1" x14ac:dyDescent="0.15">
      <c r="A68" s="1">
        <v>67</v>
      </c>
      <c r="B68" s="1" t="s">
        <v>332</v>
      </c>
      <c r="C68" s="1" t="s">
        <v>333</v>
      </c>
      <c r="D68" s="1" t="s">
        <v>334</v>
      </c>
      <c r="E68" s="1" t="s">
        <v>75</v>
      </c>
      <c r="F68" s="1" t="s">
        <v>335</v>
      </c>
      <c r="G68" s="1" t="s">
        <v>336</v>
      </c>
      <c r="H68" s="1" t="s">
        <v>337</v>
      </c>
      <c r="I68" s="1">
        <v>1</v>
      </c>
      <c r="J68" s="1">
        <v>1</v>
      </c>
      <c r="K68" s="1">
        <v>1</v>
      </c>
      <c r="L68" s="1">
        <v>1</v>
      </c>
      <c r="M68" s="1">
        <v>0</v>
      </c>
      <c r="N68" s="1">
        <v>1</v>
      </c>
      <c r="O68" s="1">
        <v>35.494637699999998</v>
      </c>
      <c r="P68" s="1">
        <v>133.0751769</v>
      </c>
    </row>
    <row r="69" spans="1:16" ht="14.25" customHeight="1" x14ac:dyDescent="0.15">
      <c r="A69" s="1">
        <v>68</v>
      </c>
      <c r="B69" s="1" t="s">
        <v>338</v>
      </c>
      <c r="C69" s="1" t="s">
        <v>339</v>
      </c>
      <c r="D69" s="1" t="s">
        <v>340</v>
      </c>
      <c r="E69" s="1" t="s">
        <v>75</v>
      </c>
      <c r="F69" s="1" t="s">
        <v>341</v>
      </c>
      <c r="G69" s="1" t="s">
        <v>70</v>
      </c>
      <c r="H69" s="1" t="s">
        <v>46</v>
      </c>
      <c r="I69" s="1">
        <v>1</v>
      </c>
      <c r="J69" s="1"/>
      <c r="K69" s="1"/>
      <c r="L69" s="1"/>
      <c r="M69" s="1">
        <v>1</v>
      </c>
      <c r="N69" s="1">
        <v>1</v>
      </c>
      <c r="O69" s="1">
        <v>35.500529</v>
      </c>
      <c r="P69" s="1">
        <v>133.08619200000001</v>
      </c>
    </row>
    <row r="70" spans="1:16" ht="14.25" customHeight="1" x14ac:dyDescent="0.15">
      <c r="A70" s="1">
        <v>69</v>
      </c>
      <c r="B70" s="1" t="s">
        <v>342</v>
      </c>
      <c r="C70" s="1" t="s">
        <v>324</v>
      </c>
      <c r="D70" s="1" t="s">
        <v>343</v>
      </c>
      <c r="E70" s="1" t="s">
        <v>75</v>
      </c>
      <c r="F70" s="1" t="s">
        <v>344</v>
      </c>
      <c r="G70" s="1" t="s">
        <v>176</v>
      </c>
      <c r="H70" s="1" t="s">
        <v>345</v>
      </c>
      <c r="I70" s="1">
        <v>1</v>
      </c>
      <c r="J70" s="1"/>
      <c r="K70" s="1"/>
      <c r="L70" s="1"/>
      <c r="M70" s="1">
        <v>0</v>
      </c>
      <c r="N70" s="1">
        <v>1</v>
      </c>
      <c r="O70" s="1">
        <v>35.479036600000001</v>
      </c>
      <c r="P70" s="1">
        <v>133.06838110000001</v>
      </c>
    </row>
    <row r="71" spans="1:16" ht="14.25" customHeight="1" x14ac:dyDescent="0.15">
      <c r="A71" s="1">
        <v>70</v>
      </c>
      <c r="B71" s="1" t="s">
        <v>346</v>
      </c>
      <c r="C71" s="1" t="s">
        <v>240</v>
      </c>
      <c r="D71" s="1" t="s">
        <v>347</v>
      </c>
      <c r="E71" s="1" t="s">
        <v>75</v>
      </c>
      <c r="F71" s="1" t="s">
        <v>348</v>
      </c>
      <c r="G71" s="1" t="s">
        <v>349</v>
      </c>
      <c r="H71" s="1" t="s">
        <v>350</v>
      </c>
      <c r="I71" s="1">
        <v>1</v>
      </c>
      <c r="J71" s="1"/>
      <c r="K71" s="1"/>
      <c r="L71" s="1"/>
      <c r="M71" s="1">
        <v>0</v>
      </c>
      <c r="N71" s="1">
        <v>1</v>
      </c>
      <c r="O71" s="1">
        <v>35.426778800000001</v>
      </c>
      <c r="P71" s="1">
        <v>133.2475488</v>
      </c>
    </row>
    <row r="72" spans="1:16" ht="14.25" customHeight="1" x14ac:dyDescent="0.15">
      <c r="A72" s="1">
        <v>71</v>
      </c>
      <c r="B72" s="1" t="s">
        <v>351</v>
      </c>
      <c r="C72" s="1" t="s">
        <v>352</v>
      </c>
      <c r="D72" s="1" t="s">
        <v>353</v>
      </c>
      <c r="E72" s="1" t="s">
        <v>75</v>
      </c>
      <c r="F72" s="1" t="s">
        <v>354</v>
      </c>
      <c r="G72" s="1" t="s">
        <v>355</v>
      </c>
      <c r="H72" s="1" t="s">
        <v>356</v>
      </c>
      <c r="I72" s="1">
        <v>1</v>
      </c>
      <c r="J72" s="1"/>
      <c r="K72" s="1">
        <v>1</v>
      </c>
      <c r="L72" s="1">
        <v>1</v>
      </c>
      <c r="M72" s="1">
        <v>0</v>
      </c>
      <c r="N72" s="1">
        <v>1</v>
      </c>
      <c r="O72" s="1">
        <v>35.4308592</v>
      </c>
      <c r="P72" s="1">
        <v>133.26347530000001</v>
      </c>
    </row>
    <row r="73" spans="1:16" ht="14.25" customHeight="1" x14ac:dyDescent="0.15">
      <c r="A73" s="1">
        <v>72</v>
      </c>
      <c r="B73" s="1" t="s">
        <v>357</v>
      </c>
      <c r="C73" s="1" t="s">
        <v>358</v>
      </c>
      <c r="D73" s="1" t="s">
        <v>359</v>
      </c>
      <c r="E73" s="1" t="s">
        <v>75</v>
      </c>
      <c r="F73" s="1" t="s">
        <v>360</v>
      </c>
      <c r="G73" s="1" t="s">
        <v>361</v>
      </c>
      <c r="H73" s="1" t="s">
        <v>177</v>
      </c>
      <c r="I73" s="1">
        <v>1</v>
      </c>
      <c r="J73" s="1"/>
      <c r="K73" s="1">
        <v>1</v>
      </c>
      <c r="L73" s="1"/>
      <c r="M73" s="1">
        <v>0</v>
      </c>
      <c r="N73" s="1">
        <v>1</v>
      </c>
      <c r="O73" s="1">
        <v>35.427880999999999</v>
      </c>
      <c r="P73" s="1">
        <v>133.13286909999999</v>
      </c>
    </row>
    <row r="74" spans="1:16" ht="14.25" customHeight="1" x14ac:dyDescent="0.15">
      <c r="A74" s="1">
        <v>73</v>
      </c>
      <c r="B74" s="1" t="s">
        <v>362</v>
      </c>
      <c r="C74" s="1" t="s">
        <v>333</v>
      </c>
      <c r="D74" s="1" t="s">
        <v>363</v>
      </c>
      <c r="E74" s="1" t="s">
        <v>75</v>
      </c>
      <c r="F74" s="1" t="s">
        <v>364</v>
      </c>
      <c r="G74" s="1" t="s">
        <v>365</v>
      </c>
      <c r="H74" s="1" t="s">
        <v>366</v>
      </c>
      <c r="I74" s="1">
        <v>1</v>
      </c>
      <c r="J74" s="1"/>
      <c r="K74" s="1"/>
      <c r="L74" s="1"/>
      <c r="M74" s="1">
        <v>1</v>
      </c>
      <c r="N74" s="1">
        <v>1</v>
      </c>
      <c r="O74" s="1">
        <v>35.479956000000001</v>
      </c>
      <c r="P74" s="1">
        <v>133.07046980000001</v>
      </c>
    </row>
    <row r="75" spans="1:16" ht="14.25" customHeight="1" x14ac:dyDescent="0.15">
      <c r="A75" s="1">
        <v>74</v>
      </c>
      <c r="B75" s="1" t="s">
        <v>367</v>
      </c>
      <c r="C75" s="1" t="s">
        <v>108</v>
      </c>
      <c r="D75" s="1" t="s">
        <v>368</v>
      </c>
      <c r="E75" s="1" t="s">
        <v>104</v>
      </c>
      <c r="F75" s="1" t="s">
        <v>369</v>
      </c>
      <c r="G75" s="1" t="s">
        <v>370</v>
      </c>
      <c r="H75" s="1" t="s">
        <v>371</v>
      </c>
      <c r="I75" s="1">
        <v>1</v>
      </c>
      <c r="J75" s="1"/>
      <c r="K75" s="1"/>
      <c r="L75" s="1">
        <v>1</v>
      </c>
      <c r="M75" s="1">
        <v>0</v>
      </c>
      <c r="N75" s="1">
        <v>1</v>
      </c>
      <c r="O75" s="1">
        <v>34.6842404</v>
      </c>
      <c r="P75" s="1">
        <v>131.7936641</v>
      </c>
    </row>
    <row r="76" spans="1:16" ht="14.25" customHeight="1" x14ac:dyDescent="0.15">
      <c r="A76" s="1">
        <v>75</v>
      </c>
      <c r="B76" s="1" t="s">
        <v>372</v>
      </c>
      <c r="C76" s="1" t="s">
        <v>373</v>
      </c>
      <c r="D76" s="1" t="s">
        <v>374</v>
      </c>
      <c r="E76" s="1" t="s">
        <v>17</v>
      </c>
      <c r="F76" s="1" t="s">
        <v>375</v>
      </c>
      <c r="G76" s="1" t="s">
        <v>134</v>
      </c>
      <c r="H76" s="1"/>
      <c r="I76" s="1">
        <v>1</v>
      </c>
      <c r="J76" s="1">
        <v>1</v>
      </c>
      <c r="K76" s="1"/>
      <c r="L76" s="1">
        <v>1</v>
      </c>
      <c r="M76" s="1">
        <v>1</v>
      </c>
      <c r="N76" s="1">
        <v>1</v>
      </c>
      <c r="O76" s="1">
        <v>35.395672099999999</v>
      </c>
      <c r="P76" s="1">
        <v>132.86929710000001</v>
      </c>
    </row>
    <row r="77" spans="1:16" ht="14.25" customHeight="1" x14ac:dyDescent="0.15">
      <c r="A77" s="1">
        <v>76</v>
      </c>
      <c r="B77" s="1" t="s">
        <v>376</v>
      </c>
      <c r="C77" s="1" t="s">
        <v>42</v>
      </c>
      <c r="D77" s="1" t="s">
        <v>377</v>
      </c>
      <c r="E77" s="1" t="s">
        <v>17</v>
      </c>
      <c r="F77" s="1" t="s">
        <v>378</v>
      </c>
      <c r="G77" s="1" t="s">
        <v>379</v>
      </c>
      <c r="H77" s="1" t="s">
        <v>380</v>
      </c>
      <c r="I77" s="1">
        <v>1</v>
      </c>
      <c r="J77" s="1">
        <v>1</v>
      </c>
      <c r="K77" s="1">
        <v>1</v>
      </c>
      <c r="L77" s="1">
        <v>1</v>
      </c>
      <c r="M77" s="1">
        <v>1</v>
      </c>
      <c r="N77" s="1">
        <v>1</v>
      </c>
      <c r="O77" s="1">
        <v>35.3646265</v>
      </c>
      <c r="P77" s="1">
        <v>132.7389191</v>
      </c>
    </row>
    <row r="78" spans="1:16" ht="14.25" customHeight="1" x14ac:dyDescent="0.15">
      <c r="A78" s="1">
        <v>77</v>
      </c>
      <c r="B78" s="1" t="s">
        <v>381</v>
      </c>
      <c r="C78" s="1" t="s">
        <v>91</v>
      </c>
      <c r="D78" s="1" t="s">
        <v>382</v>
      </c>
      <c r="E78" s="1" t="s">
        <v>17</v>
      </c>
      <c r="F78" s="1" t="s">
        <v>383</v>
      </c>
      <c r="G78" s="1"/>
      <c r="H78" s="1"/>
      <c r="I78" s="1">
        <v>1</v>
      </c>
      <c r="J78" s="1">
        <v>1</v>
      </c>
      <c r="K78" s="1">
        <v>1</v>
      </c>
      <c r="L78" s="1">
        <v>1</v>
      </c>
      <c r="M78" s="1">
        <v>1</v>
      </c>
      <c r="N78" s="1">
        <v>1</v>
      </c>
      <c r="O78" s="1">
        <v>35.377552999999999</v>
      </c>
      <c r="P78" s="1">
        <v>132.75616160000001</v>
      </c>
    </row>
    <row r="79" spans="1:16" ht="14.25" customHeight="1" x14ac:dyDescent="0.15">
      <c r="A79" s="1">
        <v>78</v>
      </c>
      <c r="B79" s="1" t="s">
        <v>384</v>
      </c>
      <c r="C79" s="1" t="s">
        <v>385</v>
      </c>
      <c r="D79" s="1" t="s">
        <v>386</v>
      </c>
      <c r="E79" s="1" t="s">
        <v>17</v>
      </c>
      <c r="F79" s="1" t="s">
        <v>387</v>
      </c>
      <c r="G79" s="1"/>
      <c r="H79" s="1" t="s">
        <v>388</v>
      </c>
      <c r="I79" s="1">
        <v>1</v>
      </c>
      <c r="J79" s="1">
        <v>1</v>
      </c>
      <c r="K79" s="1"/>
      <c r="L79" s="1"/>
      <c r="M79" s="1">
        <v>1</v>
      </c>
      <c r="N79" s="1">
        <v>1</v>
      </c>
      <c r="O79" s="1">
        <v>35.285681799999999</v>
      </c>
      <c r="P79" s="1">
        <v>132.62561289999999</v>
      </c>
    </row>
    <row r="80" spans="1:16" ht="14.25" customHeight="1" x14ac:dyDescent="0.15">
      <c r="A80" s="1">
        <v>79</v>
      </c>
      <c r="B80" s="1" t="s">
        <v>389</v>
      </c>
      <c r="C80" s="1" t="s">
        <v>390</v>
      </c>
      <c r="D80" s="1" t="s">
        <v>391</v>
      </c>
      <c r="E80" s="1" t="s">
        <v>132</v>
      </c>
      <c r="F80" s="1" t="s">
        <v>392</v>
      </c>
      <c r="G80" s="1"/>
      <c r="H80" s="1"/>
      <c r="I80" s="1">
        <v>1</v>
      </c>
      <c r="J80" s="1">
        <v>1</v>
      </c>
      <c r="K80" s="1">
        <v>1</v>
      </c>
      <c r="L80" s="1">
        <v>1</v>
      </c>
      <c r="M80" s="1">
        <v>1</v>
      </c>
      <c r="N80" s="1">
        <v>1</v>
      </c>
      <c r="O80" s="1">
        <v>34.887943700000001</v>
      </c>
      <c r="P80" s="1">
        <v>132.16263509999999</v>
      </c>
    </row>
    <row r="81" spans="1:16" ht="14.25" customHeight="1" x14ac:dyDescent="0.15">
      <c r="A81" s="1">
        <v>80</v>
      </c>
      <c r="B81" s="1" t="s">
        <v>393</v>
      </c>
      <c r="C81" s="1" t="s">
        <v>394</v>
      </c>
      <c r="D81" s="1" t="s">
        <v>395</v>
      </c>
      <c r="E81" s="1" t="s">
        <v>17</v>
      </c>
      <c r="F81" s="1" t="s">
        <v>396</v>
      </c>
      <c r="G81" s="1" t="s">
        <v>134</v>
      </c>
      <c r="H81" s="1" t="s">
        <v>397</v>
      </c>
      <c r="I81" s="1">
        <v>1</v>
      </c>
      <c r="J81" s="1"/>
      <c r="K81" s="1">
        <v>1</v>
      </c>
      <c r="L81" s="1"/>
      <c r="M81" s="1">
        <v>1</v>
      </c>
      <c r="N81" s="1">
        <v>1</v>
      </c>
      <c r="O81" s="1">
        <v>35.387610600000002</v>
      </c>
      <c r="P81" s="1">
        <v>132.80511480000001</v>
      </c>
    </row>
    <row r="82" spans="1:16" ht="14.25" customHeight="1" x14ac:dyDescent="0.15">
      <c r="A82" s="1">
        <v>81</v>
      </c>
      <c r="B82" s="1" t="s">
        <v>398</v>
      </c>
      <c r="C82" s="1" t="s">
        <v>37</v>
      </c>
      <c r="D82" s="1" t="s">
        <v>399</v>
      </c>
      <c r="E82" s="1" t="s">
        <v>17</v>
      </c>
      <c r="F82" s="1" t="s">
        <v>400</v>
      </c>
      <c r="G82" s="1" t="s">
        <v>70</v>
      </c>
      <c r="H82" s="1" t="s">
        <v>46</v>
      </c>
      <c r="I82" s="1">
        <v>1</v>
      </c>
      <c r="J82" s="1"/>
      <c r="K82" s="1">
        <v>1</v>
      </c>
      <c r="L82" s="1"/>
      <c r="M82" s="1">
        <v>1</v>
      </c>
      <c r="N82" s="1">
        <v>1</v>
      </c>
      <c r="O82" s="1">
        <v>35.366781899999999</v>
      </c>
      <c r="P82" s="1">
        <v>132.7415216</v>
      </c>
    </row>
    <row r="83" spans="1:16" ht="14.25" customHeight="1" x14ac:dyDescent="0.15">
      <c r="A83" s="1">
        <v>82</v>
      </c>
      <c r="B83" s="1" t="s">
        <v>401</v>
      </c>
      <c r="C83" s="1" t="s">
        <v>86</v>
      </c>
      <c r="D83" s="1" t="s">
        <v>402</v>
      </c>
      <c r="E83" s="1" t="s">
        <v>75</v>
      </c>
      <c r="F83" s="1" t="s">
        <v>403</v>
      </c>
      <c r="G83" s="1" t="s">
        <v>349</v>
      </c>
      <c r="H83" s="1" t="s">
        <v>46</v>
      </c>
      <c r="I83" s="1">
        <v>1</v>
      </c>
      <c r="J83" s="1">
        <v>1</v>
      </c>
      <c r="K83" s="1"/>
      <c r="L83" s="1"/>
      <c r="M83" s="1">
        <v>1</v>
      </c>
      <c r="N83" s="1">
        <v>1</v>
      </c>
      <c r="O83" s="1">
        <v>35.440279699999998</v>
      </c>
      <c r="P83" s="1">
        <v>133.05364209999999</v>
      </c>
    </row>
    <row r="84" spans="1:16" ht="14.25" customHeight="1" x14ac:dyDescent="0.15">
      <c r="A84" s="1">
        <v>83</v>
      </c>
      <c r="B84" s="1" t="s">
        <v>404</v>
      </c>
      <c r="C84" s="1" t="s">
        <v>173</v>
      </c>
      <c r="D84" s="1" t="s">
        <v>405</v>
      </c>
      <c r="E84" s="1" t="s">
        <v>75</v>
      </c>
      <c r="F84" s="1" t="s">
        <v>406</v>
      </c>
      <c r="G84" s="1" t="s">
        <v>407</v>
      </c>
      <c r="H84" s="1" t="s">
        <v>408</v>
      </c>
      <c r="I84" s="1">
        <v>1</v>
      </c>
      <c r="J84" s="1">
        <v>1</v>
      </c>
      <c r="K84" s="1"/>
      <c r="L84" s="1"/>
      <c r="M84" s="1">
        <v>1</v>
      </c>
      <c r="N84" s="1">
        <v>1</v>
      </c>
      <c r="O84" s="1">
        <v>35.460955499999997</v>
      </c>
      <c r="P84" s="1">
        <v>133.07690339999999</v>
      </c>
    </row>
    <row r="85" spans="1:16" ht="14.25" customHeight="1" x14ac:dyDescent="0.15">
      <c r="A85" s="1">
        <v>84</v>
      </c>
      <c r="B85" s="1" t="s">
        <v>409</v>
      </c>
      <c r="C85" s="1" t="s">
        <v>410</v>
      </c>
      <c r="D85" s="1" t="s">
        <v>411</v>
      </c>
      <c r="E85" s="1" t="s">
        <v>75</v>
      </c>
      <c r="F85" s="1" t="s">
        <v>412</v>
      </c>
      <c r="G85" s="1" t="s">
        <v>70</v>
      </c>
      <c r="H85" s="1" t="s">
        <v>46</v>
      </c>
      <c r="I85" s="1">
        <v>1</v>
      </c>
      <c r="J85" s="1"/>
      <c r="K85" s="1">
        <v>1</v>
      </c>
      <c r="L85" s="1"/>
      <c r="M85" s="1">
        <v>1</v>
      </c>
      <c r="N85" s="1">
        <v>0</v>
      </c>
      <c r="O85" s="1">
        <v>35.449626000000002</v>
      </c>
      <c r="P85" s="1">
        <v>133.05859100000001</v>
      </c>
    </row>
    <row r="86" spans="1:16" ht="14.25" customHeight="1" x14ac:dyDescent="0.15">
      <c r="A86" s="1">
        <v>85</v>
      </c>
      <c r="B86" s="1" t="s">
        <v>413</v>
      </c>
      <c r="C86" s="1" t="s">
        <v>414</v>
      </c>
      <c r="D86" s="1" t="s">
        <v>415</v>
      </c>
      <c r="E86" s="1" t="s">
        <v>17</v>
      </c>
      <c r="F86" s="1" t="s">
        <v>416</v>
      </c>
      <c r="G86" s="1" t="s">
        <v>134</v>
      </c>
      <c r="H86" s="1" t="s">
        <v>46</v>
      </c>
      <c r="I86" s="1">
        <v>1</v>
      </c>
      <c r="J86" s="1"/>
      <c r="K86" s="1">
        <v>1</v>
      </c>
      <c r="L86" s="1">
        <v>1</v>
      </c>
      <c r="M86" s="1">
        <v>1</v>
      </c>
      <c r="N86" s="1">
        <v>1</v>
      </c>
      <c r="O86" s="1">
        <v>35.369959999999999</v>
      </c>
      <c r="P86" s="1">
        <v>132.763847</v>
      </c>
    </row>
    <row r="87" spans="1:16" ht="14.25" customHeight="1" x14ac:dyDescent="0.15">
      <c r="A87" s="1">
        <v>86</v>
      </c>
      <c r="B87" s="1" t="s">
        <v>417</v>
      </c>
      <c r="C87" s="1" t="s">
        <v>307</v>
      </c>
      <c r="D87" s="1" t="s">
        <v>418</v>
      </c>
      <c r="E87" s="1" t="s">
        <v>17</v>
      </c>
      <c r="F87" s="1" t="s">
        <v>419</v>
      </c>
      <c r="G87" s="1" t="s">
        <v>420</v>
      </c>
      <c r="H87" s="1" t="s">
        <v>421</v>
      </c>
      <c r="I87" s="1">
        <v>1</v>
      </c>
      <c r="J87" s="1"/>
      <c r="K87" s="1"/>
      <c r="L87" s="1"/>
      <c r="M87" s="1">
        <v>1</v>
      </c>
      <c r="N87" s="1">
        <v>1</v>
      </c>
      <c r="O87" s="1">
        <v>35.384785600000001</v>
      </c>
      <c r="P87" s="1">
        <v>132.74671180000001</v>
      </c>
    </row>
    <row r="88" spans="1:16" ht="14.25" customHeight="1" x14ac:dyDescent="0.15">
      <c r="A88" s="1">
        <v>87</v>
      </c>
      <c r="B88" s="1" t="s">
        <v>422</v>
      </c>
      <c r="C88" s="1" t="s">
        <v>423</v>
      </c>
      <c r="D88" s="1" t="s">
        <v>424</v>
      </c>
      <c r="E88" s="1" t="s">
        <v>159</v>
      </c>
      <c r="F88" s="1" t="s">
        <v>425</v>
      </c>
      <c r="G88" s="1" t="s">
        <v>420</v>
      </c>
      <c r="H88" s="1" t="s">
        <v>426</v>
      </c>
      <c r="I88" s="1">
        <v>1</v>
      </c>
      <c r="J88" s="1"/>
      <c r="K88" s="1"/>
      <c r="L88" s="1"/>
      <c r="M88" s="1">
        <v>1</v>
      </c>
      <c r="N88" s="1">
        <v>1</v>
      </c>
      <c r="O88" s="1">
        <v>35.202074500000002</v>
      </c>
      <c r="P88" s="1">
        <v>132.4946242</v>
      </c>
    </row>
    <row r="89" spans="1:16" ht="14.25" customHeight="1" x14ac:dyDescent="0.15">
      <c r="A89" s="1">
        <v>88</v>
      </c>
      <c r="B89" s="1" t="s">
        <v>427</v>
      </c>
      <c r="C89" s="1" t="s">
        <v>428</v>
      </c>
      <c r="D89" s="1" t="s">
        <v>429</v>
      </c>
      <c r="E89" s="1" t="s">
        <v>75</v>
      </c>
      <c r="F89" s="1" t="s">
        <v>430</v>
      </c>
      <c r="G89" s="1" t="s">
        <v>431</v>
      </c>
      <c r="H89" s="1" t="s">
        <v>432</v>
      </c>
      <c r="I89" s="1"/>
      <c r="J89" s="1">
        <v>1</v>
      </c>
      <c r="K89" s="1"/>
      <c r="L89" s="1"/>
      <c r="M89" s="1">
        <v>1</v>
      </c>
      <c r="N89" s="1">
        <v>1</v>
      </c>
      <c r="O89" s="1">
        <v>35.480766199999998</v>
      </c>
      <c r="P89" s="1">
        <v>133.0445417</v>
      </c>
    </row>
    <row r="90" spans="1:16" ht="14.25" customHeight="1" x14ac:dyDescent="0.15">
      <c r="A90" s="1">
        <v>89</v>
      </c>
      <c r="B90" s="1" t="s">
        <v>433</v>
      </c>
      <c r="C90" s="1" t="s">
        <v>262</v>
      </c>
      <c r="D90" s="1" t="s">
        <v>434</v>
      </c>
      <c r="E90" s="1" t="s">
        <v>75</v>
      </c>
      <c r="F90" s="1" t="s">
        <v>435</v>
      </c>
      <c r="G90" s="1" t="s">
        <v>431</v>
      </c>
      <c r="H90" s="1" t="s">
        <v>46</v>
      </c>
      <c r="I90" s="1">
        <v>1</v>
      </c>
      <c r="J90" s="1"/>
      <c r="K90" s="1">
        <v>1</v>
      </c>
      <c r="L90" s="1"/>
      <c r="M90" s="1">
        <v>1</v>
      </c>
      <c r="N90" s="1">
        <v>1</v>
      </c>
      <c r="O90" s="1">
        <v>35.470642699999999</v>
      </c>
      <c r="P90" s="1">
        <v>133.05317450000001</v>
      </c>
    </row>
    <row r="91" spans="1:16" ht="14.25" customHeight="1" x14ac:dyDescent="0.15">
      <c r="A91" s="1">
        <v>90</v>
      </c>
      <c r="B91" s="1" t="s">
        <v>436</v>
      </c>
      <c r="C91" s="1" t="s">
        <v>240</v>
      </c>
      <c r="D91" s="1" t="s">
        <v>437</v>
      </c>
      <c r="E91" s="1" t="s">
        <v>75</v>
      </c>
      <c r="F91" s="1" t="s">
        <v>438</v>
      </c>
      <c r="G91" s="1" t="s">
        <v>439</v>
      </c>
      <c r="H91" s="1" t="s">
        <v>46</v>
      </c>
      <c r="I91" s="1">
        <v>1</v>
      </c>
      <c r="J91" s="1"/>
      <c r="K91" s="1">
        <v>1</v>
      </c>
      <c r="L91" s="1"/>
      <c r="M91" s="1">
        <v>1</v>
      </c>
      <c r="N91" s="1">
        <v>1</v>
      </c>
      <c r="O91" s="1">
        <v>35.425492800000001</v>
      </c>
      <c r="P91" s="1">
        <v>133.24579059999999</v>
      </c>
    </row>
    <row r="92" spans="1:16" ht="14.25" customHeight="1" x14ac:dyDescent="0.15">
      <c r="A92" s="1">
        <v>91</v>
      </c>
      <c r="B92" s="1" t="s">
        <v>440</v>
      </c>
      <c r="C92" s="1" t="s">
        <v>441</v>
      </c>
      <c r="D92" s="1" t="s">
        <v>442</v>
      </c>
      <c r="E92" s="1" t="s">
        <v>159</v>
      </c>
      <c r="F92" s="1" t="s">
        <v>443</v>
      </c>
      <c r="G92" s="1" t="s">
        <v>70</v>
      </c>
      <c r="H92" s="1" t="s">
        <v>444</v>
      </c>
      <c r="I92" s="1">
        <v>1</v>
      </c>
      <c r="J92" s="1">
        <v>1</v>
      </c>
      <c r="K92" s="1"/>
      <c r="L92" s="1"/>
      <c r="M92" s="1">
        <v>1</v>
      </c>
      <c r="N92" s="1">
        <v>1</v>
      </c>
      <c r="O92" s="1">
        <v>35.149197399999998</v>
      </c>
      <c r="P92" s="1">
        <v>132.40200329999999</v>
      </c>
    </row>
    <row r="93" spans="1:16" ht="14.25" customHeight="1" x14ac:dyDescent="0.15">
      <c r="A93" s="1">
        <v>92</v>
      </c>
      <c r="B93" s="1" t="s">
        <v>445</v>
      </c>
      <c r="C93" s="1" t="s">
        <v>446</v>
      </c>
      <c r="D93" s="1" t="s">
        <v>447</v>
      </c>
      <c r="E93" s="1" t="s">
        <v>75</v>
      </c>
      <c r="F93" s="1" t="s">
        <v>448</v>
      </c>
      <c r="G93" s="1" t="s">
        <v>449</v>
      </c>
      <c r="H93" s="1" t="s">
        <v>78</v>
      </c>
      <c r="I93" s="1">
        <v>1</v>
      </c>
      <c r="J93" s="1"/>
      <c r="K93" s="1"/>
      <c r="L93" s="1"/>
      <c r="M93" s="1">
        <v>1</v>
      </c>
      <c r="N93" s="1">
        <v>1</v>
      </c>
      <c r="O93" s="1">
        <v>35.438071700000002</v>
      </c>
      <c r="P93" s="1">
        <v>133.069005</v>
      </c>
    </row>
    <row r="94" spans="1:16" ht="14.25" customHeight="1" x14ac:dyDescent="0.15">
      <c r="A94" s="1">
        <v>93</v>
      </c>
      <c r="B94" s="1" t="s">
        <v>450</v>
      </c>
      <c r="C94" s="1" t="s">
        <v>307</v>
      </c>
      <c r="D94" s="1" t="s">
        <v>451</v>
      </c>
      <c r="E94" s="1" t="s">
        <v>17</v>
      </c>
      <c r="F94" s="1" t="s">
        <v>452</v>
      </c>
      <c r="G94" s="1" t="s">
        <v>89</v>
      </c>
      <c r="H94" s="1" t="s">
        <v>46</v>
      </c>
      <c r="I94" s="1">
        <v>1</v>
      </c>
      <c r="J94" s="1"/>
      <c r="K94" s="1">
        <v>1</v>
      </c>
      <c r="L94" s="1">
        <v>1</v>
      </c>
      <c r="M94" s="1">
        <v>1</v>
      </c>
      <c r="N94" s="1">
        <v>1</v>
      </c>
      <c r="O94" s="1">
        <v>35.385763300000001</v>
      </c>
      <c r="P94" s="1">
        <v>132.74655899999999</v>
      </c>
    </row>
    <row r="95" spans="1:16" ht="14.25" customHeight="1" x14ac:dyDescent="0.15">
      <c r="A95" s="1">
        <v>94</v>
      </c>
      <c r="B95" s="1" t="s">
        <v>453</v>
      </c>
      <c r="C95" s="1" t="s">
        <v>454</v>
      </c>
      <c r="D95" s="1" t="s">
        <v>455</v>
      </c>
      <c r="E95" s="1" t="s">
        <v>17</v>
      </c>
      <c r="F95" s="1" t="s">
        <v>456</v>
      </c>
      <c r="G95" s="1" t="s">
        <v>457</v>
      </c>
      <c r="H95" s="1" t="s">
        <v>46</v>
      </c>
      <c r="I95" s="1">
        <v>1</v>
      </c>
      <c r="J95" s="1">
        <v>1</v>
      </c>
      <c r="K95" s="1">
        <v>1</v>
      </c>
      <c r="L95" s="1">
        <v>1</v>
      </c>
      <c r="M95" s="1">
        <v>1</v>
      </c>
      <c r="N95" s="1">
        <v>1</v>
      </c>
      <c r="O95" s="1">
        <v>35.3936323</v>
      </c>
      <c r="P95" s="1">
        <v>132.81615439999999</v>
      </c>
    </row>
    <row r="96" spans="1:16" ht="14.25" customHeight="1" x14ac:dyDescent="0.15">
      <c r="A96" s="1">
        <v>95</v>
      </c>
      <c r="B96" s="1" t="s">
        <v>458</v>
      </c>
      <c r="C96" s="1" t="s">
        <v>136</v>
      </c>
      <c r="D96" s="1" t="s">
        <v>459</v>
      </c>
      <c r="E96" s="1" t="s">
        <v>75</v>
      </c>
      <c r="F96" s="1" t="s">
        <v>460</v>
      </c>
      <c r="G96" s="1"/>
      <c r="H96" s="1" t="s">
        <v>120</v>
      </c>
      <c r="I96" s="1">
        <v>1</v>
      </c>
      <c r="J96" s="1">
        <v>1</v>
      </c>
      <c r="K96" s="1"/>
      <c r="L96" s="1"/>
      <c r="M96" s="1">
        <v>1</v>
      </c>
      <c r="N96" s="1">
        <v>1</v>
      </c>
      <c r="O96" s="1">
        <v>35.478852500000002</v>
      </c>
      <c r="P96" s="1">
        <v>133.04371399999999</v>
      </c>
    </row>
    <row r="97" spans="1:16" ht="14.25" customHeight="1" x14ac:dyDescent="0.15">
      <c r="A97" s="1">
        <v>96</v>
      </c>
      <c r="B97" s="1" t="s">
        <v>461</v>
      </c>
      <c r="C97" s="1" t="s">
        <v>462</v>
      </c>
      <c r="D97" s="1" t="s">
        <v>463</v>
      </c>
      <c r="E97" s="1" t="s">
        <v>75</v>
      </c>
      <c r="F97" s="1" t="s">
        <v>464</v>
      </c>
      <c r="G97" s="1"/>
      <c r="H97" s="1" t="s">
        <v>120</v>
      </c>
      <c r="I97" s="1"/>
      <c r="J97" s="1">
        <v>1</v>
      </c>
      <c r="K97" s="1"/>
      <c r="L97" s="1"/>
      <c r="M97" s="1">
        <v>1</v>
      </c>
      <c r="N97" s="1">
        <v>1</v>
      </c>
      <c r="O97" s="1">
        <v>35.4874182</v>
      </c>
      <c r="P97" s="1">
        <v>133.0459386</v>
      </c>
    </row>
    <row r="98" spans="1:16" ht="14.25" customHeight="1" x14ac:dyDescent="0.15">
      <c r="A98" s="1">
        <v>97</v>
      </c>
      <c r="B98" s="1" t="s">
        <v>465</v>
      </c>
      <c r="C98" s="1" t="s">
        <v>324</v>
      </c>
      <c r="D98" s="1" t="s">
        <v>466</v>
      </c>
      <c r="E98" s="1" t="s">
        <v>75</v>
      </c>
      <c r="F98" s="1" t="s">
        <v>467</v>
      </c>
      <c r="G98" s="1" t="s">
        <v>144</v>
      </c>
      <c r="H98" s="1" t="s">
        <v>468</v>
      </c>
      <c r="I98" s="1">
        <v>1</v>
      </c>
      <c r="J98" s="1"/>
      <c r="K98" s="1">
        <v>1</v>
      </c>
      <c r="L98" s="1">
        <v>1</v>
      </c>
      <c r="M98" s="1">
        <v>1</v>
      </c>
      <c r="N98" s="1">
        <v>0</v>
      </c>
      <c r="O98" s="1">
        <v>35.4807086</v>
      </c>
      <c r="P98" s="1">
        <v>133.06856719999999</v>
      </c>
    </row>
    <row r="99" spans="1:16" ht="14.25" customHeight="1" x14ac:dyDescent="0.15">
      <c r="A99" s="1">
        <v>98</v>
      </c>
      <c r="B99" s="1" t="s">
        <v>469</v>
      </c>
      <c r="C99" s="1" t="s">
        <v>193</v>
      </c>
      <c r="D99" s="1" t="s">
        <v>470</v>
      </c>
      <c r="E99" s="1" t="s">
        <v>75</v>
      </c>
      <c r="F99" s="1" t="s">
        <v>471</v>
      </c>
      <c r="G99" s="1" t="s">
        <v>472</v>
      </c>
      <c r="H99" s="1" t="s">
        <v>46</v>
      </c>
      <c r="I99" s="1">
        <v>1</v>
      </c>
      <c r="J99" s="1">
        <v>1</v>
      </c>
      <c r="K99" s="1">
        <v>1</v>
      </c>
      <c r="L99" s="1">
        <v>1</v>
      </c>
      <c r="M99" s="1">
        <v>1</v>
      </c>
      <c r="N99" s="1">
        <v>1</v>
      </c>
      <c r="O99" s="1">
        <v>35.464513199999999</v>
      </c>
      <c r="P99" s="1">
        <v>133.0645154</v>
      </c>
    </row>
    <row r="100" spans="1:16" ht="14.25" customHeight="1" x14ac:dyDescent="0.15">
      <c r="A100" s="1">
        <v>99</v>
      </c>
      <c r="B100" s="1" t="s">
        <v>473</v>
      </c>
      <c r="C100" s="1" t="s">
        <v>474</v>
      </c>
      <c r="D100" s="1" t="s">
        <v>475</v>
      </c>
      <c r="E100" s="1" t="s">
        <v>75</v>
      </c>
      <c r="F100" s="1" t="s">
        <v>476</v>
      </c>
      <c r="G100" s="1" t="s">
        <v>477</v>
      </c>
      <c r="H100" s="1" t="s">
        <v>478</v>
      </c>
      <c r="I100" s="1">
        <v>1</v>
      </c>
      <c r="J100" s="1">
        <v>1</v>
      </c>
      <c r="K100" s="1">
        <v>1</v>
      </c>
      <c r="L100" s="1"/>
      <c r="M100" s="1">
        <v>1</v>
      </c>
      <c r="N100" s="1">
        <v>1</v>
      </c>
      <c r="O100" s="1">
        <v>35.472583999999998</v>
      </c>
      <c r="P100" s="1">
        <v>133.04856100000001</v>
      </c>
    </row>
    <row r="101" spans="1:16" ht="14.25" customHeight="1" x14ac:dyDescent="0.15">
      <c r="A101" s="1">
        <v>100</v>
      </c>
      <c r="B101" s="1" t="s">
        <v>479</v>
      </c>
      <c r="C101" s="1" t="s">
        <v>480</v>
      </c>
      <c r="D101" s="1" t="s">
        <v>481</v>
      </c>
      <c r="E101" s="1" t="s">
        <v>17</v>
      </c>
      <c r="F101" s="1" t="s">
        <v>482</v>
      </c>
      <c r="G101" s="1" t="s">
        <v>483</v>
      </c>
      <c r="H101" s="1" t="s">
        <v>484</v>
      </c>
      <c r="I101" s="1">
        <v>1</v>
      </c>
      <c r="J101" s="1">
        <v>1</v>
      </c>
      <c r="K101" s="1">
        <v>1</v>
      </c>
      <c r="L101" s="1">
        <v>1</v>
      </c>
      <c r="M101" s="1">
        <v>1</v>
      </c>
      <c r="N101" s="1">
        <v>1</v>
      </c>
      <c r="O101" s="1">
        <v>35.392485999999998</v>
      </c>
      <c r="P101" s="1">
        <v>132.84352730000001</v>
      </c>
    </row>
    <row r="102" spans="1:16" ht="14.25" customHeight="1" x14ac:dyDescent="0.15">
      <c r="A102" s="1">
        <v>101</v>
      </c>
      <c r="B102" s="1" t="s">
        <v>485</v>
      </c>
      <c r="C102" s="1" t="s">
        <v>486</v>
      </c>
      <c r="D102" s="1" t="s">
        <v>487</v>
      </c>
      <c r="E102" s="1" t="s">
        <v>75</v>
      </c>
      <c r="F102" s="1" t="s">
        <v>488</v>
      </c>
      <c r="G102" s="1"/>
      <c r="H102" s="1"/>
      <c r="I102" s="1">
        <v>1</v>
      </c>
      <c r="J102" s="1">
        <v>1</v>
      </c>
      <c r="K102" s="1">
        <v>1</v>
      </c>
      <c r="L102" s="1">
        <v>1</v>
      </c>
      <c r="M102" s="1">
        <v>1</v>
      </c>
      <c r="N102" s="1">
        <v>1</v>
      </c>
      <c r="O102" s="1">
        <v>35.463977300000003</v>
      </c>
      <c r="P102" s="1">
        <v>133.06949280000001</v>
      </c>
    </row>
    <row r="103" spans="1:16" ht="14.25" customHeight="1" x14ac:dyDescent="0.15">
      <c r="A103" s="1">
        <v>102</v>
      </c>
      <c r="B103" s="1" t="s">
        <v>489</v>
      </c>
      <c r="C103" s="1" t="s">
        <v>490</v>
      </c>
      <c r="D103" s="1" t="s">
        <v>491</v>
      </c>
      <c r="E103" s="1" t="s">
        <v>75</v>
      </c>
      <c r="F103" s="1" t="s">
        <v>492</v>
      </c>
      <c r="G103" s="1" t="s">
        <v>493</v>
      </c>
      <c r="H103" s="1" t="s">
        <v>494</v>
      </c>
      <c r="I103" s="1">
        <v>1</v>
      </c>
      <c r="J103" s="1">
        <v>1</v>
      </c>
      <c r="K103" s="1"/>
      <c r="L103" s="1"/>
      <c r="M103" s="1">
        <v>1</v>
      </c>
      <c r="N103" s="1">
        <v>1</v>
      </c>
      <c r="O103" s="1">
        <v>35.472248</v>
      </c>
      <c r="P103" s="1">
        <v>133.05083020000001</v>
      </c>
    </row>
    <row r="104" spans="1:16" ht="14.25" customHeight="1" x14ac:dyDescent="0.15">
      <c r="A104" s="1">
        <v>103</v>
      </c>
      <c r="B104" s="1" t="s">
        <v>495</v>
      </c>
      <c r="C104" s="1" t="s">
        <v>490</v>
      </c>
      <c r="D104" s="1" t="s">
        <v>496</v>
      </c>
      <c r="E104" s="1" t="s">
        <v>75</v>
      </c>
      <c r="F104" s="1" t="s">
        <v>492</v>
      </c>
      <c r="G104" s="1" t="s">
        <v>493</v>
      </c>
      <c r="H104" s="1" t="s">
        <v>494</v>
      </c>
      <c r="I104" s="1">
        <v>1</v>
      </c>
      <c r="J104" s="1">
        <v>1</v>
      </c>
      <c r="K104" s="1"/>
      <c r="L104" s="1"/>
      <c r="M104" s="1">
        <v>1</v>
      </c>
      <c r="N104" s="1">
        <v>1</v>
      </c>
      <c r="O104" s="1">
        <v>35.4708009</v>
      </c>
      <c r="P104" s="1">
        <v>133.0499748</v>
      </c>
    </row>
    <row r="105" spans="1:16" ht="14.25" customHeight="1" x14ac:dyDescent="0.15">
      <c r="A105" s="1">
        <v>104</v>
      </c>
      <c r="B105" s="1" t="s">
        <v>497</v>
      </c>
      <c r="C105" s="1" t="s">
        <v>490</v>
      </c>
      <c r="D105" s="1" t="s">
        <v>491</v>
      </c>
      <c r="E105" s="1" t="s">
        <v>75</v>
      </c>
      <c r="F105" s="1" t="s">
        <v>492</v>
      </c>
      <c r="G105" s="1" t="s">
        <v>493</v>
      </c>
      <c r="H105" s="1" t="s">
        <v>494</v>
      </c>
      <c r="I105" s="1">
        <v>1</v>
      </c>
      <c r="J105" s="1"/>
      <c r="K105" s="1"/>
      <c r="L105" s="1"/>
      <c r="M105" s="1">
        <v>1</v>
      </c>
      <c r="N105" s="1">
        <v>1</v>
      </c>
      <c r="O105" s="1">
        <v>35.472248</v>
      </c>
      <c r="P105" s="1">
        <v>133.05083020000001</v>
      </c>
    </row>
    <row r="106" spans="1:16" ht="14.25" customHeight="1" x14ac:dyDescent="0.15">
      <c r="A106" s="1">
        <v>105</v>
      </c>
      <c r="B106" s="1" t="s">
        <v>498</v>
      </c>
      <c r="C106" s="1" t="s">
        <v>490</v>
      </c>
      <c r="D106" s="1" t="s">
        <v>499</v>
      </c>
      <c r="E106" s="1" t="s">
        <v>75</v>
      </c>
      <c r="F106" s="1" t="s">
        <v>492</v>
      </c>
      <c r="G106" s="1" t="s">
        <v>493</v>
      </c>
      <c r="H106" s="1" t="s">
        <v>494</v>
      </c>
      <c r="I106" s="1">
        <v>1</v>
      </c>
      <c r="J106" s="1">
        <v>1</v>
      </c>
      <c r="K106" s="1"/>
      <c r="L106" s="1"/>
      <c r="M106" s="1">
        <v>1</v>
      </c>
      <c r="N106" s="1">
        <v>1</v>
      </c>
      <c r="O106" s="1">
        <v>35.470481499999998</v>
      </c>
      <c r="P106" s="1">
        <v>133.0511358</v>
      </c>
    </row>
    <row r="107" spans="1:16" ht="14.25" customHeight="1" x14ac:dyDescent="0.15">
      <c r="A107" s="1">
        <v>106</v>
      </c>
      <c r="B107" s="1" t="s">
        <v>500</v>
      </c>
      <c r="C107" s="1" t="s">
        <v>490</v>
      </c>
      <c r="D107" s="1" t="s">
        <v>501</v>
      </c>
      <c r="E107" s="1" t="s">
        <v>75</v>
      </c>
      <c r="F107" s="1" t="s">
        <v>492</v>
      </c>
      <c r="G107" s="1" t="s">
        <v>493</v>
      </c>
      <c r="H107" s="1" t="s">
        <v>494</v>
      </c>
      <c r="I107" s="1">
        <v>1</v>
      </c>
      <c r="J107" s="1">
        <v>1</v>
      </c>
      <c r="K107" s="1"/>
      <c r="L107" s="1"/>
      <c r="M107" s="1">
        <v>1</v>
      </c>
      <c r="N107" s="1">
        <v>1</v>
      </c>
      <c r="O107" s="1">
        <v>35.472073100000003</v>
      </c>
      <c r="P107" s="1">
        <v>133.052719</v>
      </c>
    </row>
    <row r="108" spans="1:16" ht="14.25" customHeight="1" x14ac:dyDescent="0.15">
      <c r="A108" s="1">
        <v>107</v>
      </c>
      <c r="B108" s="1" t="s">
        <v>502</v>
      </c>
      <c r="C108" s="1" t="s">
        <v>503</v>
      </c>
      <c r="D108" s="1" t="s">
        <v>504</v>
      </c>
      <c r="E108" s="1" t="s">
        <v>75</v>
      </c>
      <c r="F108" s="1" t="s">
        <v>505</v>
      </c>
      <c r="G108" s="1" t="s">
        <v>506</v>
      </c>
      <c r="H108" s="1" t="s">
        <v>507</v>
      </c>
      <c r="I108" s="1">
        <v>1</v>
      </c>
      <c r="J108" s="1"/>
      <c r="K108" s="1">
        <v>1</v>
      </c>
      <c r="L108" s="1"/>
      <c r="M108" s="1">
        <v>1</v>
      </c>
      <c r="N108" s="1">
        <v>1</v>
      </c>
      <c r="O108" s="1">
        <v>35.459632900000003</v>
      </c>
      <c r="P108" s="1">
        <v>133.05241939999999</v>
      </c>
    </row>
    <row r="109" spans="1:16" ht="14.25" customHeight="1" x14ac:dyDescent="0.15">
      <c r="A109" s="1">
        <v>108</v>
      </c>
      <c r="B109" s="1" t="s">
        <v>508</v>
      </c>
      <c r="C109" s="1" t="s">
        <v>292</v>
      </c>
      <c r="D109" s="1" t="s">
        <v>509</v>
      </c>
      <c r="E109" s="1" t="s">
        <v>17</v>
      </c>
      <c r="F109" s="1" t="s">
        <v>505</v>
      </c>
      <c r="G109" s="1" t="s">
        <v>510</v>
      </c>
      <c r="H109" s="1" t="s">
        <v>84</v>
      </c>
      <c r="I109" s="1"/>
      <c r="J109" s="1">
        <v>1</v>
      </c>
      <c r="K109" s="1"/>
      <c r="L109" s="1"/>
      <c r="M109" s="1">
        <v>1</v>
      </c>
      <c r="N109" s="1">
        <v>1</v>
      </c>
      <c r="O109" s="1">
        <v>35.462260499999999</v>
      </c>
      <c r="P109" s="1">
        <v>132.87946059999999</v>
      </c>
    </row>
    <row r="110" spans="1:16" ht="14.25" customHeight="1" x14ac:dyDescent="0.15">
      <c r="A110" s="1">
        <v>109</v>
      </c>
      <c r="B110" s="1" t="s">
        <v>511</v>
      </c>
      <c r="C110" s="1" t="s">
        <v>512</v>
      </c>
      <c r="D110" s="1" t="s">
        <v>513</v>
      </c>
      <c r="E110" s="1" t="s">
        <v>132</v>
      </c>
      <c r="F110" s="1" t="s">
        <v>514</v>
      </c>
      <c r="G110" s="1" t="s">
        <v>515</v>
      </c>
      <c r="H110" s="1" t="s">
        <v>57</v>
      </c>
      <c r="I110" s="1">
        <v>1</v>
      </c>
      <c r="J110" s="1">
        <v>1</v>
      </c>
      <c r="K110" s="1"/>
      <c r="L110" s="1"/>
      <c r="M110" s="1">
        <v>1</v>
      </c>
      <c r="N110" s="1">
        <v>1</v>
      </c>
      <c r="O110" s="1">
        <v>34.897802400000003</v>
      </c>
      <c r="P110" s="1">
        <v>132.0706869</v>
      </c>
    </row>
    <row r="111" spans="1:16" ht="14.25" customHeight="1" x14ac:dyDescent="0.15">
      <c r="A111" s="1">
        <v>110</v>
      </c>
      <c r="B111" s="1" t="s">
        <v>516</v>
      </c>
      <c r="C111" s="1" t="s">
        <v>517</v>
      </c>
      <c r="D111" s="1" t="s">
        <v>518</v>
      </c>
      <c r="E111" s="1" t="s">
        <v>159</v>
      </c>
      <c r="F111" s="1" t="s">
        <v>519</v>
      </c>
      <c r="G111" s="1" t="s">
        <v>520</v>
      </c>
      <c r="H111" s="1" t="s">
        <v>57</v>
      </c>
      <c r="I111" s="1">
        <v>1</v>
      </c>
      <c r="J111" s="1"/>
      <c r="K111" s="1"/>
      <c r="L111" s="1"/>
      <c r="M111" s="1">
        <v>1</v>
      </c>
      <c r="N111" s="1">
        <v>1</v>
      </c>
      <c r="O111" s="1">
        <v>34.991002299999998</v>
      </c>
      <c r="P111" s="1">
        <v>132.49485999999999</v>
      </c>
    </row>
    <row r="112" spans="1:16" ht="14.25" customHeight="1" x14ac:dyDescent="0.15">
      <c r="A112" s="1">
        <v>111</v>
      </c>
      <c r="B112" s="1" t="s">
        <v>521</v>
      </c>
      <c r="C112" s="1" t="s">
        <v>198</v>
      </c>
      <c r="D112" s="1" t="s">
        <v>522</v>
      </c>
      <c r="E112" s="1" t="s">
        <v>159</v>
      </c>
      <c r="F112" s="1" t="s">
        <v>523</v>
      </c>
      <c r="G112" s="1" t="s">
        <v>515</v>
      </c>
      <c r="H112" s="1" t="s">
        <v>57</v>
      </c>
      <c r="I112" s="1">
        <v>1</v>
      </c>
      <c r="J112" s="1">
        <v>1</v>
      </c>
      <c r="K112" s="1"/>
      <c r="L112" s="1"/>
      <c r="M112" s="1">
        <v>1</v>
      </c>
      <c r="N112" s="1">
        <v>1</v>
      </c>
      <c r="O112" s="1">
        <v>35.199783099999998</v>
      </c>
      <c r="P112" s="1">
        <v>132.4965129</v>
      </c>
    </row>
    <row r="113" spans="1:16" ht="14.25" customHeight="1" x14ac:dyDescent="0.15">
      <c r="A113" s="1">
        <v>112</v>
      </c>
      <c r="B113" s="1" t="s">
        <v>524</v>
      </c>
      <c r="C113" s="1" t="s">
        <v>525</v>
      </c>
      <c r="D113" s="1" t="s">
        <v>526</v>
      </c>
      <c r="E113" s="1" t="s">
        <v>17</v>
      </c>
      <c r="F113" s="1" t="s">
        <v>527</v>
      </c>
      <c r="G113" s="1" t="s">
        <v>528</v>
      </c>
      <c r="H113" s="1" t="s">
        <v>529</v>
      </c>
      <c r="I113" s="1">
        <v>1</v>
      </c>
      <c r="J113" s="1">
        <v>1</v>
      </c>
      <c r="K113" s="1">
        <v>1</v>
      </c>
      <c r="L113" s="1">
        <v>1</v>
      </c>
      <c r="M113" s="1">
        <v>1</v>
      </c>
      <c r="N113" s="1">
        <v>1</v>
      </c>
      <c r="O113" s="1">
        <v>35.398819199999998</v>
      </c>
      <c r="P113" s="1">
        <v>132.68875869999999</v>
      </c>
    </row>
    <row r="114" spans="1:16" ht="14.25" customHeight="1" x14ac:dyDescent="0.15">
      <c r="A114" s="1">
        <v>113</v>
      </c>
      <c r="B114" s="1" t="s">
        <v>530</v>
      </c>
      <c r="C114" s="1" t="s">
        <v>531</v>
      </c>
      <c r="D114" s="1" t="s">
        <v>532</v>
      </c>
      <c r="E114" s="1" t="s">
        <v>75</v>
      </c>
      <c r="F114" s="1" t="s">
        <v>533</v>
      </c>
      <c r="G114" s="1" t="s">
        <v>365</v>
      </c>
      <c r="H114" s="1" t="s">
        <v>177</v>
      </c>
      <c r="I114" s="1">
        <v>1</v>
      </c>
      <c r="J114" s="1">
        <v>1</v>
      </c>
      <c r="K114" s="1">
        <v>1</v>
      </c>
      <c r="L114" s="1">
        <v>1</v>
      </c>
      <c r="M114" s="1">
        <v>1</v>
      </c>
      <c r="N114" s="1">
        <v>1</v>
      </c>
      <c r="O114" s="1">
        <v>35.4326449</v>
      </c>
      <c r="P114" s="1">
        <v>133.1420206</v>
      </c>
    </row>
    <row r="115" spans="1:16" ht="14.25" customHeight="1" x14ac:dyDescent="0.15">
      <c r="A115" s="1">
        <v>114</v>
      </c>
      <c r="B115" s="1" t="s">
        <v>534</v>
      </c>
      <c r="C115" s="1" t="s">
        <v>535</v>
      </c>
      <c r="D115" s="1" t="s">
        <v>536</v>
      </c>
      <c r="E115" s="1" t="s">
        <v>537</v>
      </c>
      <c r="F115" s="1" t="s">
        <v>538</v>
      </c>
      <c r="G115" s="1" t="s">
        <v>493</v>
      </c>
      <c r="H115" s="1" t="s">
        <v>494</v>
      </c>
      <c r="I115" s="1">
        <v>1</v>
      </c>
      <c r="J115" s="1">
        <v>1</v>
      </c>
      <c r="K115" s="1"/>
      <c r="L115" s="1"/>
      <c r="M115" s="1">
        <v>1</v>
      </c>
      <c r="N115" s="1">
        <v>1</v>
      </c>
      <c r="O115" s="1">
        <v>36.202281200000002</v>
      </c>
      <c r="P115" s="1">
        <v>133.32796930000001</v>
      </c>
    </row>
    <row r="116" spans="1:16" ht="14.25" customHeight="1" x14ac:dyDescent="0.15">
      <c r="A116" s="1">
        <v>115</v>
      </c>
      <c r="B116" s="1" t="s">
        <v>539</v>
      </c>
      <c r="C116" s="1" t="s">
        <v>535</v>
      </c>
      <c r="D116" s="1" t="s">
        <v>540</v>
      </c>
      <c r="E116" s="1" t="s">
        <v>537</v>
      </c>
      <c r="F116" s="1" t="s">
        <v>541</v>
      </c>
      <c r="G116" s="1" t="s">
        <v>493</v>
      </c>
      <c r="H116" s="1" t="s">
        <v>494</v>
      </c>
      <c r="I116" s="1">
        <v>1</v>
      </c>
      <c r="J116" s="1"/>
      <c r="K116" s="1"/>
      <c r="L116" s="1"/>
      <c r="M116" s="1">
        <v>1</v>
      </c>
      <c r="N116" s="1">
        <v>1</v>
      </c>
      <c r="O116" s="1">
        <v>36.110267999999998</v>
      </c>
      <c r="P116" s="1">
        <v>133.041257</v>
      </c>
    </row>
    <row r="117" spans="1:16" ht="14.25" customHeight="1" x14ac:dyDescent="0.15">
      <c r="A117" s="1">
        <v>116</v>
      </c>
      <c r="B117" s="1" t="s">
        <v>542</v>
      </c>
      <c r="C117" s="1" t="s">
        <v>543</v>
      </c>
      <c r="D117" s="1" t="s">
        <v>544</v>
      </c>
      <c r="E117" s="1" t="s">
        <v>75</v>
      </c>
      <c r="F117" s="1" t="s">
        <v>545</v>
      </c>
      <c r="G117" s="1" t="s">
        <v>19</v>
      </c>
      <c r="H117" s="1" t="s">
        <v>546</v>
      </c>
      <c r="I117" s="1">
        <v>1</v>
      </c>
      <c r="J117" s="1">
        <v>1</v>
      </c>
      <c r="K117" s="1"/>
      <c r="L117" s="1"/>
      <c r="M117" s="1">
        <v>1</v>
      </c>
      <c r="N117" s="1">
        <v>1</v>
      </c>
      <c r="O117" s="1">
        <v>35.4998839</v>
      </c>
      <c r="P117" s="1">
        <v>133.06208659999999</v>
      </c>
    </row>
    <row r="118" spans="1:16" ht="14.25" customHeight="1" x14ac:dyDescent="0.15">
      <c r="A118" s="1">
        <v>117</v>
      </c>
      <c r="B118" s="1" t="s">
        <v>547</v>
      </c>
      <c r="C118" s="1" t="s">
        <v>333</v>
      </c>
      <c r="D118" s="1" t="s">
        <v>548</v>
      </c>
      <c r="E118" s="1" t="s">
        <v>75</v>
      </c>
      <c r="F118" s="1" t="s">
        <v>549</v>
      </c>
      <c r="G118" s="1" t="s">
        <v>550</v>
      </c>
      <c r="H118" s="1" t="s">
        <v>57</v>
      </c>
      <c r="I118" s="1">
        <v>1</v>
      </c>
      <c r="J118" s="1"/>
      <c r="K118" s="1"/>
      <c r="L118" s="1"/>
      <c r="M118" s="1">
        <v>1</v>
      </c>
      <c r="N118" s="1">
        <v>1</v>
      </c>
      <c r="O118" s="1">
        <v>35.4827558</v>
      </c>
      <c r="P118" s="1">
        <v>133.07671070000001</v>
      </c>
    </row>
    <row r="119" spans="1:16" ht="14.25" customHeight="1" x14ac:dyDescent="0.15">
      <c r="A119" s="1">
        <v>118</v>
      </c>
      <c r="B119" s="1" t="s">
        <v>551</v>
      </c>
      <c r="C119" s="1" t="s">
        <v>552</v>
      </c>
      <c r="D119" s="1" t="s">
        <v>553</v>
      </c>
      <c r="E119" s="1" t="s">
        <v>75</v>
      </c>
      <c r="F119" s="1" t="s">
        <v>554</v>
      </c>
      <c r="G119" s="1" t="s">
        <v>555</v>
      </c>
      <c r="H119" s="1" t="s">
        <v>556</v>
      </c>
      <c r="I119" s="1">
        <v>1</v>
      </c>
      <c r="J119" s="1"/>
      <c r="K119" s="1">
        <v>1</v>
      </c>
      <c r="L119" s="1">
        <v>1</v>
      </c>
      <c r="M119" s="1">
        <v>1</v>
      </c>
      <c r="N119" s="1">
        <v>1</v>
      </c>
      <c r="O119" s="1">
        <v>35.447356399999997</v>
      </c>
      <c r="P119" s="1">
        <v>133.0471565</v>
      </c>
    </row>
    <row r="120" spans="1:16" ht="14.25" customHeight="1" x14ac:dyDescent="0.15">
      <c r="A120" s="1">
        <v>119</v>
      </c>
      <c r="B120" s="1" t="s">
        <v>557</v>
      </c>
      <c r="C120" s="1" t="s">
        <v>558</v>
      </c>
      <c r="D120" s="1" t="s">
        <v>559</v>
      </c>
      <c r="E120" s="1" t="s">
        <v>17</v>
      </c>
      <c r="F120" s="1" t="s">
        <v>560</v>
      </c>
      <c r="G120" s="1" t="s">
        <v>222</v>
      </c>
      <c r="H120" s="1" t="s">
        <v>561</v>
      </c>
      <c r="I120" s="1">
        <v>1</v>
      </c>
      <c r="J120" s="1">
        <v>1</v>
      </c>
      <c r="K120" s="1">
        <v>1</v>
      </c>
      <c r="L120" s="1">
        <v>1</v>
      </c>
      <c r="M120" s="1">
        <v>1</v>
      </c>
      <c r="N120" s="1">
        <v>1</v>
      </c>
      <c r="O120" s="1">
        <v>35.414531599999997</v>
      </c>
      <c r="P120" s="1">
        <v>132.8857117</v>
      </c>
    </row>
    <row r="121" spans="1:16" ht="14.25" customHeight="1" x14ac:dyDescent="0.15">
      <c r="A121" s="1">
        <v>120</v>
      </c>
      <c r="B121" s="1" t="s">
        <v>562</v>
      </c>
      <c r="C121" s="1" t="s">
        <v>563</v>
      </c>
      <c r="D121" s="1" t="s">
        <v>564</v>
      </c>
      <c r="E121" s="1" t="s">
        <v>104</v>
      </c>
      <c r="F121" s="1" t="s">
        <v>565</v>
      </c>
      <c r="G121" s="1" t="s">
        <v>222</v>
      </c>
      <c r="H121" s="1" t="s">
        <v>421</v>
      </c>
      <c r="I121" s="1">
        <v>1</v>
      </c>
      <c r="J121" s="1"/>
      <c r="K121" s="1">
        <v>1</v>
      </c>
      <c r="L121" s="1">
        <v>1</v>
      </c>
      <c r="M121" s="1">
        <v>1</v>
      </c>
      <c r="N121" s="1">
        <v>1</v>
      </c>
      <c r="O121" s="1">
        <v>34.678432999999998</v>
      </c>
      <c r="P121" s="1">
        <v>131.7967846</v>
      </c>
    </row>
    <row r="122" spans="1:16" ht="14.25" customHeight="1" x14ac:dyDescent="0.15">
      <c r="A122" s="1">
        <v>121</v>
      </c>
      <c r="B122" s="1" t="s">
        <v>566</v>
      </c>
      <c r="C122" s="1" t="s">
        <v>567</v>
      </c>
      <c r="D122" s="1" t="s">
        <v>568</v>
      </c>
      <c r="E122" s="1" t="s">
        <v>132</v>
      </c>
      <c r="F122" s="1" t="s">
        <v>569</v>
      </c>
      <c r="G122" s="1" t="s">
        <v>550</v>
      </c>
      <c r="H122" s="1" t="s">
        <v>57</v>
      </c>
      <c r="I122" s="1">
        <v>1</v>
      </c>
      <c r="J122" s="1"/>
      <c r="K122" s="1"/>
      <c r="L122" s="1"/>
      <c r="M122" s="1">
        <v>1</v>
      </c>
      <c r="N122" s="1">
        <v>1</v>
      </c>
      <c r="O122" s="1">
        <v>34.925325399999998</v>
      </c>
      <c r="P122" s="1">
        <v>132.11891790000001</v>
      </c>
    </row>
    <row r="123" spans="1:16" ht="14.25" customHeight="1" x14ac:dyDescent="0.15">
      <c r="A123" s="1">
        <v>122</v>
      </c>
      <c r="B123" s="1" t="s">
        <v>570</v>
      </c>
      <c r="C123" s="1" t="s">
        <v>262</v>
      </c>
      <c r="D123" s="1" t="s">
        <v>571</v>
      </c>
      <c r="E123" s="1" t="s">
        <v>75</v>
      </c>
      <c r="F123" s="1" t="s">
        <v>572</v>
      </c>
      <c r="G123" s="1" t="s">
        <v>365</v>
      </c>
      <c r="H123" s="1" t="s">
        <v>573</v>
      </c>
      <c r="I123" s="1"/>
      <c r="J123" s="1">
        <v>1</v>
      </c>
      <c r="K123" s="1"/>
      <c r="L123" s="1"/>
      <c r="M123" s="1">
        <v>1</v>
      </c>
      <c r="N123" s="1">
        <v>1</v>
      </c>
      <c r="O123" s="1">
        <v>35.471417600000002</v>
      </c>
      <c r="P123" s="1">
        <v>133.05285509999999</v>
      </c>
    </row>
    <row r="124" spans="1:16" ht="14.25" customHeight="1" x14ac:dyDescent="0.15">
      <c r="A124" s="1">
        <v>123</v>
      </c>
      <c r="B124" s="1" t="s">
        <v>574</v>
      </c>
      <c r="C124" s="1" t="s">
        <v>198</v>
      </c>
      <c r="D124" s="1" t="s">
        <v>575</v>
      </c>
      <c r="E124" s="1" t="s">
        <v>159</v>
      </c>
      <c r="F124" s="1" t="s">
        <v>576</v>
      </c>
      <c r="G124" s="1" t="s">
        <v>577</v>
      </c>
      <c r="H124" s="1" t="s">
        <v>78</v>
      </c>
      <c r="I124" s="1">
        <v>1</v>
      </c>
      <c r="J124" s="1">
        <v>1</v>
      </c>
      <c r="K124" s="1">
        <v>1</v>
      </c>
      <c r="L124" s="1">
        <v>1</v>
      </c>
      <c r="M124" s="1">
        <v>1</v>
      </c>
      <c r="N124" s="1">
        <v>1</v>
      </c>
      <c r="O124" s="1">
        <v>35.200102600000001</v>
      </c>
      <c r="P124" s="1">
        <v>132.49877660000001</v>
      </c>
    </row>
    <row r="125" spans="1:16" ht="14.25" customHeight="1" x14ac:dyDescent="0.15">
      <c r="A125" s="1">
        <v>124</v>
      </c>
      <c r="B125" s="1" t="s">
        <v>578</v>
      </c>
      <c r="C125" s="1" t="s">
        <v>517</v>
      </c>
      <c r="D125" s="1" t="s">
        <v>579</v>
      </c>
      <c r="E125" s="1" t="s">
        <v>159</v>
      </c>
      <c r="F125" s="1" t="s">
        <v>580</v>
      </c>
      <c r="G125" s="1"/>
      <c r="H125" s="1"/>
      <c r="I125" s="1">
        <v>1</v>
      </c>
      <c r="J125" s="1">
        <v>1</v>
      </c>
      <c r="K125" s="1"/>
      <c r="L125" s="1"/>
      <c r="M125" s="1">
        <v>1</v>
      </c>
      <c r="N125" s="1">
        <v>1</v>
      </c>
      <c r="O125" s="1">
        <v>34.991825599999999</v>
      </c>
      <c r="P125" s="1">
        <v>132.4971539</v>
      </c>
    </row>
    <row r="126" spans="1:16" ht="14.25" customHeight="1" x14ac:dyDescent="0.15">
      <c r="A126" s="1">
        <v>125</v>
      </c>
      <c r="B126" s="1" t="s">
        <v>581</v>
      </c>
      <c r="C126" s="1" t="s">
        <v>582</v>
      </c>
      <c r="D126" s="1" t="s">
        <v>583</v>
      </c>
      <c r="E126" s="1" t="s">
        <v>75</v>
      </c>
      <c r="F126" s="1" t="s">
        <v>584</v>
      </c>
      <c r="G126" s="1"/>
      <c r="H126" s="1" t="s">
        <v>585</v>
      </c>
      <c r="I126" s="1">
        <v>1</v>
      </c>
      <c r="J126" s="1">
        <v>1</v>
      </c>
      <c r="K126" s="1"/>
      <c r="L126" s="1"/>
      <c r="M126" s="1">
        <v>1</v>
      </c>
      <c r="N126" s="1">
        <v>1</v>
      </c>
      <c r="O126" s="1">
        <v>35.442334700000004</v>
      </c>
      <c r="P126" s="1">
        <v>133.04268500000001</v>
      </c>
    </row>
    <row r="127" spans="1:16" ht="14.25" customHeight="1" x14ac:dyDescent="0.15">
      <c r="A127" s="1">
        <v>126</v>
      </c>
      <c r="B127" s="1" t="s">
        <v>586</v>
      </c>
      <c r="C127" s="1" t="s">
        <v>410</v>
      </c>
      <c r="D127" s="1" t="s">
        <v>587</v>
      </c>
      <c r="E127" s="1" t="s">
        <v>75</v>
      </c>
      <c r="F127" s="1" t="s">
        <v>588</v>
      </c>
      <c r="G127" s="1"/>
      <c r="H127" s="1" t="s">
        <v>589</v>
      </c>
      <c r="I127" s="1">
        <v>1</v>
      </c>
      <c r="J127" s="1"/>
      <c r="K127" s="1"/>
      <c r="L127" s="1"/>
      <c r="M127" s="1">
        <v>1</v>
      </c>
      <c r="N127" s="1">
        <v>1</v>
      </c>
      <c r="O127" s="1">
        <v>35.445545799999998</v>
      </c>
      <c r="P127" s="1">
        <v>133.0624746</v>
      </c>
    </row>
    <row r="128" spans="1:16" ht="14.25" customHeight="1" x14ac:dyDescent="0.15">
      <c r="A128" s="1">
        <v>127</v>
      </c>
      <c r="B128" s="1" t="s">
        <v>590</v>
      </c>
      <c r="C128" s="1" t="s">
        <v>136</v>
      </c>
      <c r="D128" s="1" t="s">
        <v>429</v>
      </c>
      <c r="E128" s="1" t="s">
        <v>75</v>
      </c>
      <c r="F128" s="1" t="s">
        <v>430</v>
      </c>
      <c r="G128" s="1"/>
      <c r="H128" s="1" t="s">
        <v>591</v>
      </c>
      <c r="I128" s="1"/>
      <c r="J128" s="1">
        <v>1</v>
      </c>
      <c r="K128" s="1"/>
      <c r="L128" s="1"/>
      <c r="M128" s="1">
        <v>1</v>
      </c>
      <c r="N128" s="1">
        <v>1</v>
      </c>
      <c r="O128" s="1">
        <v>35.480766199999998</v>
      </c>
      <c r="P128" s="1">
        <v>133.0445417</v>
      </c>
    </row>
    <row r="129" spans="1:16" ht="14.25" customHeight="1" x14ac:dyDescent="0.15">
      <c r="A129" s="1">
        <v>128</v>
      </c>
      <c r="B129" s="1" t="s">
        <v>592</v>
      </c>
      <c r="C129" s="1" t="s">
        <v>593</v>
      </c>
      <c r="D129" s="1" t="s">
        <v>594</v>
      </c>
      <c r="E129" s="1" t="s">
        <v>75</v>
      </c>
      <c r="F129" s="1" t="s">
        <v>595</v>
      </c>
      <c r="G129" s="1"/>
      <c r="H129" s="1" t="s">
        <v>589</v>
      </c>
      <c r="I129" s="1"/>
      <c r="J129" s="1">
        <v>1</v>
      </c>
      <c r="K129" s="1"/>
      <c r="L129" s="1"/>
      <c r="M129" s="1">
        <v>1</v>
      </c>
      <c r="N129" s="1">
        <v>1</v>
      </c>
      <c r="O129" s="1">
        <v>35.4695623</v>
      </c>
      <c r="P129" s="1">
        <v>133.05417449999999</v>
      </c>
    </row>
    <row r="130" spans="1:16" ht="14.25" customHeight="1" x14ac:dyDescent="0.15">
      <c r="A130" s="1">
        <v>129</v>
      </c>
      <c r="B130" s="1" t="s">
        <v>596</v>
      </c>
      <c r="C130" s="1" t="s">
        <v>597</v>
      </c>
      <c r="D130" s="1" t="s">
        <v>598</v>
      </c>
      <c r="E130" s="1" t="s">
        <v>104</v>
      </c>
      <c r="F130" s="1" t="s">
        <v>599</v>
      </c>
      <c r="G130" s="1" t="s">
        <v>600</v>
      </c>
      <c r="H130" s="1" t="s">
        <v>601</v>
      </c>
      <c r="I130" s="1">
        <v>1</v>
      </c>
      <c r="J130" s="1">
        <v>1</v>
      </c>
      <c r="K130" s="1">
        <v>1</v>
      </c>
      <c r="L130" s="1">
        <v>1</v>
      </c>
      <c r="M130" s="1">
        <v>1</v>
      </c>
      <c r="N130" s="1">
        <v>1</v>
      </c>
      <c r="O130" s="1">
        <v>34.677316900000001</v>
      </c>
      <c r="P130" s="1">
        <v>131.83908450000001</v>
      </c>
    </row>
    <row r="131" spans="1:16" ht="14.25" customHeight="1" x14ac:dyDescent="0.15">
      <c r="A131" s="1">
        <v>130</v>
      </c>
      <c r="B131" s="1" t="s">
        <v>602</v>
      </c>
      <c r="C131" s="1" t="s">
        <v>163</v>
      </c>
      <c r="D131" s="1" t="s">
        <v>603</v>
      </c>
      <c r="E131" s="1" t="s">
        <v>75</v>
      </c>
      <c r="F131" s="1" t="s">
        <v>604</v>
      </c>
      <c r="G131" s="1"/>
      <c r="H131" s="1" t="s">
        <v>605</v>
      </c>
      <c r="I131" s="1">
        <v>1</v>
      </c>
      <c r="J131" s="1">
        <v>1</v>
      </c>
      <c r="K131" s="1"/>
      <c r="L131" s="1">
        <v>1</v>
      </c>
      <c r="M131" s="1">
        <v>1</v>
      </c>
      <c r="N131" s="1">
        <v>1</v>
      </c>
      <c r="O131" s="1">
        <v>35.475034299999997</v>
      </c>
      <c r="P131" s="1">
        <v>133.06819519999999</v>
      </c>
    </row>
    <row r="132" spans="1:16" ht="14.25" customHeight="1" x14ac:dyDescent="0.15">
      <c r="A132" s="1">
        <v>131</v>
      </c>
      <c r="B132" s="1" t="s">
        <v>606</v>
      </c>
      <c r="C132" s="1" t="s">
        <v>607</v>
      </c>
      <c r="D132" s="1" t="s">
        <v>608</v>
      </c>
      <c r="E132" s="1" t="s">
        <v>17</v>
      </c>
      <c r="F132" s="1" t="s">
        <v>609</v>
      </c>
      <c r="G132" s="1" t="s">
        <v>19</v>
      </c>
      <c r="H132" s="1" t="s">
        <v>610</v>
      </c>
      <c r="I132" s="1">
        <v>1</v>
      </c>
      <c r="J132" s="1">
        <v>1</v>
      </c>
      <c r="K132" s="1"/>
      <c r="L132" s="1"/>
      <c r="M132" s="1">
        <v>1</v>
      </c>
      <c r="N132" s="1">
        <v>1</v>
      </c>
      <c r="O132" s="1">
        <v>35.360699799999999</v>
      </c>
      <c r="P132" s="1">
        <v>132.7564371</v>
      </c>
    </row>
    <row r="133" spans="1:16" ht="14.25" customHeight="1" x14ac:dyDescent="0.15">
      <c r="A133" s="1">
        <v>132</v>
      </c>
      <c r="B133" s="1" t="s">
        <v>611</v>
      </c>
      <c r="C133" s="1" t="s">
        <v>607</v>
      </c>
      <c r="D133" s="1" t="s">
        <v>612</v>
      </c>
      <c r="E133" s="1" t="s">
        <v>17</v>
      </c>
      <c r="F133" s="1" t="s">
        <v>609</v>
      </c>
      <c r="G133" s="1" t="s">
        <v>19</v>
      </c>
      <c r="H133" s="1" t="s">
        <v>613</v>
      </c>
      <c r="I133" s="1">
        <v>1</v>
      </c>
      <c r="J133" s="1">
        <v>1</v>
      </c>
      <c r="K133" s="1"/>
      <c r="L133" s="1"/>
      <c r="M133" s="1">
        <v>1</v>
      </c>
      <c r="N133" s="1">
        <v>1</v>
      </c>
      <c r="O133" s="1">
        <v>35.361046899999998</v>
      </c>
      <c r="P133" s="1">
        <v>132.7548261</v>
      </c>
    </row>
    <row r="134" spans="1:16" ht="14.25" customHeight="1" x14ac:dyDescent="0.15">
      <c r="A134" s="1">
        <v>133</v>
      </c>
      <c r="B134" s="1" t="s">
        <v>614</v>
      </c>
      <c r="C134" s="1" t="s">
        <v>607</v>
      </c>
      <c r="D134" s="1" t="s">
        <v>615</v>
      </c>
      <c r="E134" s="1" t="s">
        <v>17</v>
      </c>
      <c r="F134" s="1" t="s">
        <v>616</v>
      </c>
      <c r="G134" s="1" t="s">
        <v>617</v>
      </c>
      <c r="H134" s="1" t="s">
        <v>618</v>
      </c>
      <c r="I134" s="1"/>
      <c r="J134" s="1"/>
      <c r="K134" s="1">
        <v>1</v>
      </c>
      <c r="L134" s="1"/>
      <c r="M134" s="1">
        <v>1</v>
      </c>
      <c r="N134" s="1">
        <v>1</v>
      </c>
      <c r="O134" s="1">
        <v>35.360838700000002</v>
      </c>
      <c r="P134" s="1">
        <v>132.75716750000001</v>
      </c>
    </row>
    <row r="135" spans="1:16" ht="14.25" customHeight="1" x14ac:dyDescent="0.15">
      <c r="A135" s="1">
        <v>134</v>
      </c>
      <c r="B135" s="1" t="s">
        <v>619</v>
      </c>
      <c r="C135" s="1" t="s">
        <v>607</v>
      </c>
      <c r="D135" s="1" t="s">
        <v>620</v>
      </c>
      <c r="E135" s="1" t="s">
        <v>17</v>
      </c>
      <c r="F135" s="1" t="s">
        <v>621</v>
      </c>
      <c r="G135" s="1" t="s">
        <v>622</v>
      </c>
      <c r="H135" s="1" t="s">
        <v>71</v>
      </c>
      <c r="I135" s="1">
        <v>1</v>
      </c>
      <c r="J135" s="1">
        <v>1</v>
      </c>
      <c r="K135" s="1"/>
      <c r="L135" s="1"/>
      <c r="M135" s="1">
        <v>1</v>
      </c>
      <c r="N135" s="1">
        <v>1</v>
      </c>
      <c r="O135" s="1">
        <v>35.360838700000002</v>
      </c>
      <c r="P135" s="1">
        <v>132.75716750000001</v>
      </c>
    </row>
    <row r="136" spans="1:16" ht="14.25" customHeight="1" x14ac:dyDescent="0.15">
      <c r="A136" s="1">
        <v>135</v>
      </c>
      <c r="B136" s="1" t="s">
        <v>623</v>
      </c>
      <c r="C136" s="1" t="s">
        <v>624</v>
      </c>
      <c r="D136" s="1" t="s">
        <v>625</v>
      </c>
      <c r="E136" s="1" t="s">
        <v>17</v>
      </c>
      <c r="F136" s="1" t="s">
        <v>626</v>
      </c>
      <c r="G136" s="1" t="s">
        <v>627</v>
      </c>
      <c r="H136" s="1" t="s">
        <v>628</v>
      </c>
      <c r="I136" s="1">
        <v>1</v>
      </c>
      <c r="J136" s="1">
        <v>1</v>
      </c>
      <c r="K136" s="1">
        <v>1</v>
      </c>
      <c r="L136" s="1"/>
      <c r="M136" s="1">
        <v>1</v>
      </c>
      <c r="N136" s="1">
        <v>1</v>
      </c>
      <c r="O136" s="1">
        <v>35.349997999999999</v>
      </c>
      <c r="P136" s="1">
        <v>132.74856589999999</v>
      </c>
    </row>
    <row r="137" spans="1:16" ht="14.25" customHeight="1" x14ac:dyDescent="0.15">
      <c r="A137" s="1">
        <v>136</v>
      </c>
      <c r="B137" s="1" t="s">
        <v>629</v>
      </c>
      <c r="C137" s="1" t="s">
        <v>630</v>
      </c>
      <c r="D137" s="1" t="s">
        <v>631</v>
      </c>
      <c r="E137" s="1" t="s">
        <v>17</v>
      </c>
      <c r="F137" s="1" t="s">
        <v>632</v>
      </c>
      <c r="G137" s="1" t="s">
        <v>633</v>
      </c>
      <c r="H137" s="1" t="s">
        <v>628</v>
      </c>
      <c r="I137" s="1">
        <v>1</v>
      </c>
      <c r="J137" s="1"/>
      <c r="K137" s="1">
        <v>1</v>
      </c>
      <c r="L137" s="1"/>
      <c r="M137" s="1">
        <v>1</v>
      </c>
      <c r="N137" s="1">
        <v>1</v>
      </c>
      <c r="O137" s="1">
        <v>35.375247999999999</v>
      </c>
      <c r="P137" s="1">
        <v>132.76446000000001</v>
      </c>
    </row>
    <row r="138" spans="1:16" ht="14.25" customHeight="1" x14ac:dyDescent="0.15">
      <c r="A138" s="1">
        <v>137</v>
      </c>
      <c r="B138" s="1" t="s">
        <v>634</v>
      </c>
      <c r="C138" s="1" t="s">
        <v>173</v>
      </c>
      <c r="D138" s="1" t="s">
        <v>635</v>
      </c>
      <c r="E138" s="1" t="s">
        <v>75</v>
      </c>
      <c r="F138" s="1" t="s">
        <v>636</v>
      </c>
      <c r="G138" s="1" t="s">
        <v>370</v>
      </c>
      <c r="H138" s="1" t="s">
        <v>345</v>
      </c>
      <c r="I138" s="1">
        <v>1</v>
      </c>
      <c r="J138" s="1">
        <v>1</v>
      </c>
      <c r="K138" s="1">
        <v>1</v>
      </c>
      <c r="L138" s="1">
        <v>1</v>
      </c>
      <c r="M138" s="1">
        <v>1</v>
      </c>
      <c r="N138" s="1">
        <v>1</v>
      </c>
      <c r="O138" s="1">
        <v>35.459400199999997</v>
      </c>
      <c r="P138" s="1">
        <v>133.07921999999999</v>
      </c>
    </row>
    <row r="139" spans="1:16" ht="14.25" customHeight="1" x14ac:dyDescent="0.15">
      <c r="A139" s="1">
        <v>138</v>
      </c>
      <c r="B139" s="1" t="s">
        <v>637</v>
      </c>
      <c r="C139" s="1" t="s">
        <v>173</v>
      </c>
      <c r="D139" s="1" t="s">
        <v>635</v>
      </c>
      <c r="E139" s="1" t="s">
        <v>75</v>
      </c>
      <c r="F139" s="1" t="s">
        <v>636</v>
      </c>
      <c r="G139" s="1" t="s">
        <v>370</v>
      </c>
      <c r="H139" s="1" t="s">
        <v>345</v>
      </c>
      <c r="I139" s="1">
        <v>1</v>
      </c>
      <c r="J139" s="1"/>
      <c r="K139" s="1"/>
      <c r="L139" s="1">
        <v>1</v>
      </c>
      <c r="M139" s="1">
        <v>1</v>
      </c>
      <c r="N139" s="1">
        <v>1</v>
      </c>
      <c r="O139" s="1">
        <v>35.459400199999997</v>
      </c>
      <c r="P139" s="1">
        <v>133.07921999999999</v>
      </c>
    </row>
    <row r="140" spans="1:16" ht="14.25" customHeight="1" x14ac:dyDescent="0.15">
      <c r="A140" s="1">
        <v>139</v>
      </c>
      <c r="B140" s="1" t="s">
        <v>638</v>
      </c>
      <c r="C140" s="1" t="s">
        <v>639</v>
      </c>
      <c r="D140" s="1" t="s">
        <v>640</v>
      </c>
      <c r="E140" s="1" t="s">
        <v>54</v>
      </c>
      <c r="F140" s="1" t="s">
        <v>641</v>
      </c>
      <c r="G140" s="1" t="s">
        <v>370</v>
      </c>
      <c r="H140" s="1" t="s">
        <v>345</v>
      </c>
      <c r="I140" s="1">
        <v>1</v>
      </c>
      <c r="J140" s="1"/>
      <c r="K140" s="1">
        <v>1</v>
      </c>
      <c r="L140" s="1">
        <v>1</v>
      </c>
      <c r="M140" s="1">
        <v>1</v>
      </c>
      <c r="N140" s="1">
        <v>1</v>
      </c>
      <c r="O140" s="1">
        <v>35.300238</v>
      </c>
      <c r="P140" s="1">
        <v>132.89124000000001</v>
      </c>
    </row>
    <row r="141" spans="1:16" ht="14.25" customHeight="1" x14ac:dyDescent="0.15">
      <c r="A141" s="1">
        <v>140</v>
      </c>
      <c r="B141" s="1" t="s">
        <v>642</v>
      </c>
      <c r="C141" s="1" t="s">
        <v>352</v>
      </c>
      <c r="D141" s="1" t="s">
        <v>643</v>
      </c>
      <c r="E141" s="1" t="s">
        <v>75</v>
      </c>
      <c r="F141" s="1" t="s">
        <v>644</v>
      </c>
      <c r="G141" s="1" t="s">
        <v>370</v>
      </c>
      <c r="H141" s="1" t="s">
        <v>345</v>
      </c>
      <c r="I141" s="1">
        <v>1</v>
      </c>
      <c r="J141" s="1"/>
      <c r="K141" s="1"/>
      <c r="L141" s="1">
        <v>1</v>
      </c>
      <c r="M141" s="1">
        <v>1</v>
      </c>
      <c r="N141" s="1">
        <v>1</v>
      </c>
      <c r="O141" s="1">
        <v>35.428587200000003</v>
      </c>
      <c r="P141" s="1">
        <v>133.26408090000001</v>
      </c>
    </row>
    <row r="142" spans="1:16" ht="14.25" customHeight="1" x14ac:dyDescent="0.15">
      <c r="A142" s="1">
        <v>141</v>
      </c>
      <c r="B142" s="1" t="s">
        <v>645</v>
      </c>
      <c r="C142" s="1" t="s">
        <v>646</v>
      </c>
      <c r="D142" s="1" t="s">
        <v>647</v>
      </c>
      <c r="E142" s="1" t="s">
        <v>159</v>
      </c>
      <c r="F142" s="1" t="s">
        <v>648</v>
      </c>
      <c r="G142" s="1" t="s">
        <v>370</v>
      </c>
      <c r="H142" s="1" t="s">
        <v>345</v>
      </c>
      <c r="I142" s="1">
        <v>1</v>
      </c>
      <c r="J142" s="1"/>
      <c r="K142" s="1"/>
      <c r="L142" s="1">
        <v>1</v>
      </c>
      <c r="M142" s="1">
        <v>1</v>
      </c>
      <c r="N142" s="1">
        <v>1</v>
      </c>
      <c r="O142" s="1">
        <v>35.227727799999997</v>
      </c>
      <c r="P142" s="1">
        <v>132.52002949999999</v>
      </c>
    </row>
    <row r="143" spans="1:16" ht="14.25" customHeight="1" x14ac:dyDescent="0.15">
      <c r="A143" s="1">
        <v>142</v>
      </c>
      <c r="B143" s="1" t="s">
        <v>649</v>
      </c>
      <c r="C143" s="1" t="s">
        <v>650</v>
      </c>
      <c r="D143" s="1" t="s">
        <v>651</v>
      </c>
      <c r="E143" s="1" t="s">
        <v>75</v>
      </c>
      <c r="F143" s="1" t="s">
        <v>652</v>
      </c>
      <c r="G143" s="1" t="s">
        <v>144</v>
      </c>
      <c r="H143" s="1" t="s">
        <v>653</v>
      </c>
      <c r="I143" s="1">
        <v>1</v>
      </c>
      <c r="J143" s="1">
        <v>1</v>
      </c>
      <c r="K143" s="1"/>
      <c r="L143" s="1">
        <v>1</v>
      </c>
      <c r="M143" s="1">
        <v>1</v>
      </c>
      <c r="N143" s="1">
        <v>1</v>
      </c>
      <c r="O143" s="1">
        <v>35.4336141</v>
      </c>
      <c r="P143" s="1">
        <v>133.21606729999999</v>
      </c>
    </row>
    <row r="144" spans="1:16" ht="14.25" customHeight="1" x14ac:dyDescent="0.15">
      <c r="A144" s="1">
        <v>143</v>
      </c>
      <c r="B144" s="1" t="s">
        <v>654</v>
      </c>
      <c r="C144" s="1" t="s">
        <v>655</v>
      </c>
      <c r="D144" s="1" t="s">
        <v>656</v>
      </c>
      <c r="E144" s="1" t="s">
        <v>75</v>
      </c>
      <c r="F144" s="1" t="s">
        <v>657</v>
      </c>
      <c r="G144" s="1" t="s">
        <v>144</v>
      </c>
      <c r="H144" s="1" t="s">
        <v>78</v>
      </c>
      <c r="I144" s="1"/>
      <c r="J144" s="1">
        <v>1</v>
      </c>
      <c r="K144" s="1"/>
      <c r="L144" s="1"/>
      <c r="M144" s="1">
        <v>1</v>
      </c>
      <c r="N144" s="1">
        <v>1</v>
      </c>
      <c r="O144" s="1">
        <v>35.410248600000003</v>
      </c>
      <c r="P144" s="1">
        <v>133.3186106</v>
      </c>
    </row>
    <row r="145" spans="1:16" ht="14.25" customHeight="1" x14ac:dyDescent="0.15">
      <c r="A145" s="1">
        <v>144</v>
      </c>
      <c r="B145" s="1" t="s">
        <v>658</v>
      </c>
      <c r="C145" s="1" t="s">
        <v>659</v>
      </c>
      <c r="D145" s="1" t="s">
        <v>660</v>
      </c>
      <c r="E145" s="1" t="s">
        <v>75</v>
      </c>
      <c r="F145" s="1" t="s">
        <v>661</v>
      </c>
      <c r="G145" s="1" t="s">
        <v>19</v>
      </c>
      <c r="H145" s="1" t="s">
        <v>662</v>
      </c>
      <c r="I145" s="1">
        <v>1</v>
      </c>
      <c r="J145" s="1">
        <v>1</v>
      </c>
      <c r="K145" s="1"/>
      <c r="L145" s="1"/>
      <c r="M145" s="1">
        <v>1</v>
      </c>
      <c r="N145" s="1">
        <v>1</v>
      </c>
      <c r="O145" s="1">
        <v>35.437275999999997</v>
      </c>
      <c r="P145" s="1">
        <v>133.0126885</v>
      </c>
    </row>
    <row r="146" spans="1:16" ht="14.25" customHeight="1" x14ac:dyDescent="0.15">
      <c r="A146" s="1">
        <v>145</v>
      </c>
      <c r="B146" s="1" t="s">
        <v>663</v>
      </c>
      <c r="C146" s="1" t="s">
        <v>267</v>
      </c>
      <c r="D146" s="1" t="s">
        <v>664</v>
      </c>
      <c r="E146" s="1" t="s">
        <v>75</v>
      </c>
      <c r="F146" s="1" t="s">
        <v>665</v>
      </c>
      <c r="G146" s="1" t="s">
        <v>666</v>
      </c>
      <c r="H146" s="1" t="s">
        <v>628</v>
      </c>
      <c r="I146" s="1">
        <v>1</v>
      </c>
      <c r="J146" s="1"/>
      <c r="K146" s="1">
        <v>1</v>
      </c>
      <c r="L146" s="1"/>
      <c r="M146" s="1">
        <v>1</v>
      </c>
      <c r="N146" s="1">
        <v>1</v>
      </c>
      <c r="O146" s="1">
        <v>35.432677900000002</v>
      </c>
      <c r="P146" s="1">
        <v>133.0699802</v>
      </c>
    </row>
    <row r="147" spans="1:16" ht="14.25" customHeight="1" x14ac:dyDescent="0.15">
      <c r="A147" s="1">
        <v>146</v>
      </c>
      <c r="B147" s="1" t="s">
        <v>667</v>
      </c>
      <c r="C147" s="1" t="s">
        <v>668</v>
      </c>
      <c r="D147" s="1" t="s">
        <v>669</v>
      </c>
      <c r="E147" s="1" t="s">
        <v>75</v>
      </c>
      <c r="F147" s="1" t="s">
        <v>670</v>
      </c>
      <c r="G147" s="1" t="s">
        <v>671</v>
      </c>
      <c r="H147" s="1" t="s">
        <v>120</v>
      </c>
      <c r="I147" s="1">
        <v>1</v>
      </c>
      <c r="J147" s="1">
        <v>1</v>
      </c>
      <c r="K147" s="1"/>
      <c r="L147" s="1"/>
      <c r="M147" s="1">
        <v>1</v>
      </c>
      <c r="N147" s="1">
        <v>1</v>
      </c>
      <c r="O147" s="1">
        <v>35.427801000000002</v>
      </c>
      <c r="P147" s="1">
        <v>133.14904999999999</v>
      </c>
    </row>
    <row r="148" spans="1:16" ht="14.25" customHeight="1" x14ac:dyDescent="0.15">
      <c r="A148" s="1">
        <v>147</v>
      </c>
      <c r="B148" s="1" t="s">
        <v>672</v>
      </c>
      <c r="C148" s="1" t="s">
        <v>673</v>
      </c>
      <c r="D148" s="1" t="s">
        <v>674</v>
      </c>
      <c r="E148" s="1" t="s">
        <v>75</v>
      </c>
      <c r="F148" s="1" t="s">
        <v>670</v>
      </c>
      <c r="G148" s="1" t="s">
        <v>19</v>
      </c>
      <c r="H148" s="1" t="s">
        <v>120</v>
      </c>
      <c r="I148" s="1"/>
      <c r="J148" s="1">
        <v>1</v>
      </c>
      <c r="K148" s="1"/>
      <c r="L148" s="1"/>
      <c r="M148" s="1">
        <v>1</v>
      </c>
      <c r="N148" s="1">
        <v>1</v>
      </c>
      <c r="O148" s="1">
        <v>35.4388717</v>
      </c>
      <c r="P148" s="1">
        <v>133.08616219999999</v>
      </c>
    </row>
    <row r="149" spans="1:16" ht="14.25" customHeight="1" x14ac:dyDescent="0.15">
      <c r="A149" s="1">
        <v>148</v>
      </c>
      <c r="B149" s="1" t="s">
        <v>675</v>
      </c>
      <c r="C149" s="1" t="s">
        <v>676</v>
      </c>
      <c r="D149" s="1" t="s">
        <v>677</v>
      </c>
      <c r="E149" s="1" t="s">
        <v>75</v>
      </c>
      <c r="F149" s="1" t="s">
        <v>678</v>
      </c>
      <c r="G149" s="1" t="s">
        <v>19</v>
      </c>
      <c r="H149" s="1" t="s">
        <v>679</v>
      </c>
      <c r="I149" s="1">
        <v>1</v>
      </c>
      <c r="J149" s="1">
        <v>1</v>
      </c>
      <c r="K149" s="1"/>
      <c r="L149" s="1"/>
      <c r="M149" s="1">
        <v>1</v>
      </c>
      <c r="N149" s="1">
        <v>1</v>
      </c>
      <c r="O149" s="1">
        <v>35.444912500000001</v>
      </c>
      <c r="P149" s="1">
        <v>133.05782490000001</v>
      </c>
    </row>
    <row r="150" spans="1:16" ht="14.25" customHeight="1" x14ac:dyDescent="0.15">
      <c r="A150" s="1">
        <v>149</v>
      </c>
      <c r="B150" s="1" t="s">
        <v>680</v>
      </c>
      <c r="C150" s="1" t="s">
        <v>624</v>
      </c>
      <c r="D150" s="1" t="s">
        <v>681</v>
      </c>
      <c r="E150" s="1" t="s">
        <v>17</v>
      </c>
      <c r="F150" s="1" t="s">
        <v>682</v>
      </c>
      <c r="G150" s="1" t="s">
        <v>19</v>
      </c>
      <c r="H150" s="1" t="s">
        <v>683</v>
      </c>
      <c r="I150" s="1">
        <v>1</v>
      </c>
      <c r="J150" s="1">
        <v>1</v>
      </c>
      <c r="K150" s="1"/>
      <c r="L150" s="1"/>
      <c r="M150" s="1">
        <v>1</v>
      </c>
      <c r="N150" s="1">
        <v>1</v>
      </c>
      <c r="O150" s="1">
        <v>35.357247299999997</v>
      </c>
      <c r="P150" s="1">
        <v>132.7526709</v>
      </c>
    </row>
    <row r="151" spans="1:16" ht="14.25" customHeight="1" x14ac:dyDescent="0.15">
      <c r="A151" s="1">
        <v>150</v>
      </c>
      <c r="B151" s="1" t="s">
        <v>684</v>
      </c>
      <c r="C151" s="1" t="s">
        <v>685</v>
      </c>
      <c r="D151" s="1" t="s">
        <v>686</v>
      </c>
      <c r="E151" s="1" t="s">
        <v>54</v>
      </c>
      <c r="F151" s="1" t="s">
        <v>687</v>
      </c>
      <c r="G151" s="1" t="s">
        <v>19</v>
      </c>
      <c r="H151" s="1" t="s">
        <v>106</v>
      </c>
      <c r="I151" s="1"/>
      <c r="J151" s="1">
        <v>1</v>
      </c>
      <c r="K151" s="1"/>
      <c r="L151" s="1"/>
      <c r="M151" s="1">
        <v>1</v>
      </c>
      <c r="N151" s="1">
        <v>1</v>
      </c>
      <c r="O151" s="1">
        <v>35.312622300000001</v>
      </c>
      <c r="P151" s="1">
        <v>132.9078068</v>
      </c>
    </row>
    <row r="152" spans="1:16" ht="14.25" customHeight="1" x14ac:dyDescent="0.15">
      <c r="A152" s="1">
        <v>151</v>
      </c>
      <c r="B152" s="1" t="s">
        <v>688</v>
      </c>
      <c r="C152" s="1" t="s">
        <v>67</v>
      </c>
      <c r="D152" s="1" t="s">
        <v>689</v>
      </c>
      <c r="E152" s="1" t="s">
        <v>17</v>
      </c>
      <c r="F152" s="1" t="s">
        <v>690</v>
      </c>
      <c r="G152" s="1" t="s">
        <v>691</v>
      </c>
      <c r="H152" s="1" t="s">
        <v>120</v>
      </c>
      <c r="I152" s="1">
        <v>1</v>
      </c>
      <c r="J152" s="1">
        <v>1</v>
      </c>
      <c r="K152" s="1"/>
      <c r="L152" s="1"/>
      <c r="M152" s="1">
        <v>1</v>
      </c>
      <c r="N152" s="1">
        <v>1</v>
      </c>
      <c r="O152" s="1">
        <v>35.3628383</v>
      </c>
      <c r="P152" s="1">
        <v>132.7538595</v>
      </c>
    </row>
    <row r="153" spans="1:16" ht="14.25" customHeight="1" x14ac:dyDescent="0.15">
      <c r="A153" s="1">
        <v>152</v>
      </c>
      <c r="B153" s="1" t="s">
        <v>692</v>
      </c>
      <c r="C153" s="1" t="s">
        <v>67</v>
      </c>
      <c r="D153" s="1" t="s">
        <v>693</v>
      </c>
      <c r="E153" s="1" t="s">
        <v>17</v>
      </c>
      <c r="F153" s="1" t="s">
        <v>694</v>
      </c>
      <c r="G153" s="1" t="s">
        <v>431</v>
      </c>
      <c r="H153" s="1" t="s">
        <v>238</v>
      </c>
      <c r="I153" s="1"/>
      <c r="J153" s="1">
        <v>1</v>
      </c>
      <c r="K153" s="1"/>
      <c r="L153" s="1"/>
      <c r="M153" s="1">
        <v>1</v>
      </c>
      <c r="N153" s="1">
        <v>1</v>
      </c>
      <c r="O153" s="1">
        <v>35.368373800000001</v>
      </c>
      <c r="P153" s="1">
        <v>132.75378989999999</v>
      </c>
    </row>
    <row r="154" spans="1:16" ht="14.25" customHeight="1" x14ac:dyDescent="0.15">
      <c r="A154" s="1">
        <v>153</v>
      </c>
      <c r="B154" s="1" t="s">
        <v>695</v>
      </c>
      <c r="C154" s="1" t="s">
        <v>696</v>
      </c>
      <c r="D154" s="1" t="s">
        <v>697</v>
      </c>
      <c r="E154" s="1" t="s">
        <v>17</v>
      </c>
      <c r="F154" s="1" t="s">
        <v>698</v>
      </c>
      <c r="G154" s="1" t="s">
        <v>431</v>
      </c>
      <c r="H154" s="1" t="s">
        <v>699</v>
      </c>
      <c r="I154" s="1"/>
      <c r="J154" s="1">
        <v>1</v>
      </c>
      <c r="K154" s="1"/>
      <c r="L154" s="1"/>
      <c r="M154" s="1">
        <v>1</v>
      </c>
      <c r="N154" s="1">
        <v>1</v>
      </c>
      <c r="O154" s="1">
        <v>35.383749999999999</v>
      </c>
      <c r="P154" s="1">
        <v>132.76331859999999</v>
      </c>
    </row>
    <row r="155" spans="1:16" ht="14.25" customHeight="1" x14ac:dyDescent="0.15">
      <c r="A155" s="1">
        <v>154</v>
      </c>
      <c r="B155" s="1" t="s">
        <v>700</v>
      </c>
      <c r="C155" s="1" t="s">
        <v>701</v>
      </c>
      <c r="D155" s="1" t="s">
        <v>702</v>
      </c>
      <c r="E155" s="1" t="s">
        <v>17</v>
      </c>
      <c r="F155" s="1" t="s">
        <v>703</v>
      </c>
      <c r="G155" s="1" t="s">
        <v>431</v>
      </c>
      <c r="H155" s="1" t="s">
        <v>704</v>
      </c>
      <c r="I155" s="1"/>
      <c r="J155" s="1">
        <v>1</v>
      </c>
      <c r="K155" s="1"/>
      <c r="L155" s="1"/>
      <c r="M155" s="1">
        <v>1</v>
      </c>
      <c r="N155" s="1">
        <v>1</v>
      </c>
      <c r="O155" s="1">
        <v>35.252440300000004</v>
      </c>
      <c r="P155" s="1">
        <v>132.71782469999999</v>
      </c>
    </row>
    <row r="156" spans="1:16" ht="14.25" customHeight="1" x14ac:dyDescent="0.15">
      <c r="A156" s="1">
        <v>155</v>
      </c>
      <c r="B156" s="1" t="s">
        <v>705</v>
      </c>
      <c r="C156" s="1" t="s">
        <v>624</v>
      </c>
      <c r="D156" s="1" t="s">
        <v>706</v>
      </c>
      <c r="E156" s="1" t="s">
        <v>17</v>
      </c>
      <c r="F156" s="1" t="s">
        <v>707</v>
      </c>
      <c r="G156" s="1" t="s">
        <v>431</v>
      </c>
      <c r="H156" s="1" t="s">
        <v>699</v>
      </c>
      <c r="I156" s="1">
        <v>1</v>
      </c>
      <c r="J156" s="1">
        <v>1</v>
      </c>
      <c r="K156" s="1"/>
      <c r="L156" s="1"/>
      <c r="M156" s="1">
        <v>1</v>
      </c>
      <c r="N156" s="1">
        <v>1</v>
      </c>
      <c r="O156" s="1">
        <v>35.355178199999997</v>
      </c>
      <c r="P156" s="1">
        <v>132.7576565</v>
      </c>
    </row>
    <row r="157" spans="1:16" ht="14.25" customHeight="1" x14ac:dyDescent="0.15">
      <c r="A157" s="1">
        <v>156</v>
      </c>
      <c r="B157" s="1" t="s">
        <v>708</v>
      </c>
      <c r="C157" s="1" t="s">
        <v>709</v>
      </c>
      <c r="D157" s="1" t="s">
        <v>710</v>
      </c>
      <c r="E157" s="1" t="s">
        <v>75</v>
      </c>
      <c r="F157" s="1" t="s">
        <v>711</v>
      </c>
      <c r="G157" s="1" t="s">
        <v>712</v>
      </c>
      <c r="H157" s="1" t="s">
        <v>713</v>
      </c>
      <c r="I157" s="1">
        <v>1</v>
      </c>
      <c r="J157" s="1">
        <v>1</v>
      </c>
      <c r="K157" s="1"/>
      <c r="L157" s="1"/>
      <c r="M157" s="1">
        <v>1</v>
      </c>
      <c r="N157" s="1">
        <v>1</v>
      </c>
      <c r="O157" s="1">
        <v>35.407432999999997</v>
      </c>
      <c r="P157" s="1">
        <v>132.9081655</v>
      </c>
    </row>
    <row r="158" spans="1:16" ht="14.25" customHeight="1" x14ac:dyDescent="0.15">
      <c r="A158" s="1">
        <v>157</v>
      </c>
      <c r="B158" s="1" t="s">
        <v>714</v>
      </c>
      <c r="C158" s="1" t="s">
        <v>414</v>
      </c>
      <c r="D158" s="1" t="s">
        <v>715</v>
      </c>
      <c r="E158" s="1" t="s">
        <v>17</v>
      </c>
      <c r="F158" s="1" t="s">
        <v>716</v>
      </c>
      <c r="G158" s="1" t="s">
        <v>691</v>
      </c>
      <c r="H158" s="1" t="s">
        <v>84</v>
      </c>
      <c r="I158" s="1">
        <v>1</v>
      </c>
      <c r="J158" s="1">
        <v>1</v>
      </c>
      <c r="K158" s="1"/>
      <c r="L158" s="1"/>
      <c r="M158" s="1">
        <v>1</v>
      </c>
      <c r="N158" s="1">
        <v>1</v>
      </c>
      <c r="O158" s="1">
        <v>35.369320899999998</v>
      </c>
      <c r="P158" s="1">
        <v>132.75527030000001</v>
      </c>
    </row>
    <row r="159" spans="1:16" ht="14.25" customHeight="1" x14ac:dyDescent="0.15">
      <c r="A159" s="1">
        <v>158</v>
      </c>
      <c r="B159" s="1" t="s">
        <v>717</v>
      </c>
      <c r="C159" s="1" t="s">
        <v>67</v>
      </c>
      <c r="D159" s="1" t="s">
        <v>718</v>
      </c>
      <c r="E159" s="1" t="s">
        <v>17</v>
      </c>
      <c r="F159" s="1" t="s">
        <v>719</v>
      </c>
      <c r="G159" s="1" t="s">
        <v>77</v>
      </c>
      <c r="H159" s="1" t="s">
        <v>408</v>
      </c>
      <c r="I159" s="1"/>
      <c r="J159" s="1">
        <v>1</v>
      </c>
      <c r="K159" s="1"/>
      <c r="L159" s="1"/>
      <c r="M159" s="1">
        <v>1</v>
      </c>
      <c r="N159" s="1">
        <v>1</v>
      </c>
      <c r="O159" s="1">
        <v>35.36318</v>
      </c>
      <c r="P159" s="1">
        <v>132.75659529999999</v>
      </c>
    </row>
    <row r="160" spans="1:16" ht="14.25" customHeight="1" x14ac:dyDescent="0.15">
      <c r="A160" s="1">
        <v>159</v>
      </c>
      <c r="B160" s="1" t="s">
        <v>720</v>
      </c>
      <c r="C160" s="1" t="s">
        <v>116</v>
      </c>
      <c r="D160" s="1" t="s">
        <v>721</v>
      </c>
      <c r="E160" s="1" t="s">
        <v>17</v>
      </c>
      <c r="F160" s="1" t="s">
        <v>722</v>
      </c>
      <c r="G160" s="1" t="s">
        <v>723</v>
      </c>
      <c r="H160" s="1" t="s">
        <v>724</v>
      </c>
      <c r="I160" s="1"/>
      <c r="J160" s="1">
        <v>1</v>
      </c>
      <c r="K160" s="1"/>
      <c r="L160" s="1"/>
      <c r="M160" s="1">
        <v>1</v>
      </c>
      <c r="N160" s="1">
        <v>1</v>
      </c>
      <c r="O160" s="1">
        <v>35.397249000000002</v>
      </c>
      <c r="P160" s="1">
        <v>132.85987299999999</v>
      </c>
    </row>
    <row r="161" spans="1:16" ht="14.25" customHeight="1" x14ac:dyDescent="0.15">
      <c r="A161" s="1">
        <v>160</v>
      </c>
      <c r="B161" s="1" t="s">
        <v>725</v>
      </c>
      <c r="C161" s="1" t="s">
        <v>37</v>
      </c>
      <c r="D161" s="1" t="s">
        <v>726</v>
      </c>
      <c r="E161" s="1" t="s">
        <v>17</v>
      </c>
      <c r="F161" s="1" t="s">
        <v>727</v>
      </c>
      <c r="G161" s="1" t="s">
        <v>728</v>
      </c>
      <c r="H161" s="1" t="s">
        <v>724</v>
      </c>
      <c r="I161" s="1"/>
      <c r="J161" s="1">
        <v>1</v>
      </c>
      <c r="K161" s="1"/>
      <c r="L161" s="1"/>
      <c r="M161" s="1">
        <v>1</v>
      </c>
      <c r="N161" s="1">
        <v>1</v>
      </c>
      <c r="O161" s="1">
        <v>35.372497799999998</v>
      </c>
      <c r="P161" s="1">
        <v>132.73652730000001</v>
      </c>
    </row>
    <row r="162" spans="1:16" ht="14.25" customHeight="1" x14ac:dyDescent="0.15">
      <c r="A162" s="1">
        <v>161</v>
      </c>
      <c r="B162" s="1" t="s">
        <v>729</v>
      </c>
      <c r="C162" s="1" t="s">
        <v>730</v>
      </c>
      <c r="D162" s="1" t="s">
        <v>731</v>
      </c>
      <c r="E162" s="1" t="s">
        <v>17</v>
      </c>
      <c r="F162" s="1" t="s">
        <v>732</v>
      </c>
      <c r="G162" s="1" t="s">
        <v>728</v>
      </c>
      <c r="H162" s="1" t="s">
        <v>724</v>
      </c>
      <c r="I162" s="1"/>
      <c r="J162" s="1">
        <v>1</v>
      </c>
      <c r="K162" s="1"/>
      <c r="L162" s="1"/>
      <c r="M162" s="1">
        <v>1</v>
      </c>
      <c r="N162" s="1">
        <v>1</v>
      </c>
      <c r="O162" s="1">
        <v>35.334038</v>
      </c>
      <c r="P162" s="1">
        <v>132.719583</v>
      </c>
    </row>
    <row r="163" spans="1:16" ht="14.25" customHeight="1" x14ac:dyDescent="0.15">
      <c r="A163" s="1">
        <v>162</v>
      </c>
      <c r="B163" s="1" t="s">
        <v>733</v>
      </c>
      <c r="C163" s="1" t="s">
        <v>86</v>
      </c>
      <c r="D163" s="1" t="s">
        <v>734</v>
      </c>
      <c r="E163" s="1" t="s">
        <v>75</v>
      </c>
      <c r="F163" s="1" t="s">
        <v>735</v>
      </c>
      <c r="G163" s="1" t="s">
        <v>19</v>
      </c>
      <c r="H163" s="1" t="s">
        <v>71</v>
      </c>
      <c r="I163" s="1"/>
      <c r="J163" s="1">
        <v>1</v>
      </c>
      <c r="K163" s="1"/>
      <c r="L163" s="1"/>
      <c r="M163" s="1">
        <v>1</v>
      </c>
      <c r="N163" s="1">
        <v>1</v>
      </c>
      <c r="O163" s="1">
        <v>35.437896500000001</v>
      </c>
      <c r="P163" s="1">
        <v>133.04864280000001</v>
      </c>
    </row>
    <row r="164" spans="1:16" ht="14.25" customHeight="1" x14ac:dyDescent="0.15">
      <c r="A164" s="1">
        <v>163</v>
      </c>
      <c r="B164" s="1" t="s">
        <v>736</v>
      </c>
      <c r="C164" s="1" t="s">
        <v>737</v>
      </c>
      <c r="D164" s="1" t="s">
        <v>738</v>
      </c>
      <c r="E164" s="1" t="s">
        <v>75</v>
      </c>
      <c r="F164" s="1" t="s">
        <v>739</v>
      </c>
      <c r="G164" s="1" t="s">
        <v>19</v>
      </c>
      <c r="H164" s="1" t="s">
        <v>71</v>
      </c>
      <c r="I164" s="1">
        <v>1</v>
      </c>
      <c r="J164" s="1">
        <v>1</v>
      </c>
      <c r="K164" s="1"/>
      <c r="L164" s="1"/>
      <c r="M164" s="1">
        <v>1</v>
      </c>
      <c r="N164" s="1">
        <v>1</v>
      </c>
      <c r="O164" s="1">
        <v>35.4647893</v>
      </c>
      <c r="P164" s="1">
        <v>133.06909189999999</v>
      </c>
    </row>
    <row r="165" spans="1:16" ht="14.25" customHeight="1" x14ac:dyDescent="0.15">
      <c r="A165" s="1">
        <v>164</v>
      </c>
      <c r="B165" s="1" t="s">
        <v>740</v>
      </c>
      <c r="C165" s="1" t="s">
        <v>324</v>
      </c>
      <c r="D165" s="1" t="s">
        <v>741</v>
      </c>
      <c r="E165" s="1" t="s">
        <v>75</v>
      </c>
      <c r="F165" s="1" t="s">
        <v>742</v>
      </c>
      <c r="G165" s="1" t="s">
        <v>19</v>
      </c>
      <c r="H165" s="1" t="s">
        <v>71</v>
      </c>
      <c r="I165" s="1"/>
      <c r="J165" s="1">
        <v>1</v>
      </c>
      <c r="K165" s="1"/>
      <c r="L165" s="1"/>
      <c r="M165" s="1">
        <v>1</v>
      </c>
      <c r="N165" s="1">
        <v>1</v>
      </c>
      <c r="O165" s="1">
        <v>35.481675199999998</v>
      </c>
      <c r="P165" s="1">
        <v>133.0691448</v>
      </c>
    </row>
    <row r="166" spans="1:16" ht="14.25" customHeight="1" x14ac:dyDescent="0.15">
      <c r="A166" s="1">
        <v>165</v>
      </c>
      <c r="B166" s="1" t="s">
        <v>743</v>
      </c>
      <c r="C166" s="1" t="s">
        <v>37</v>
      </c>
      <c r="D166" s="1" t="s">
        <v>744</v>
      </c>
      <c r="E166" s="1" t="s">
        <v>17</v>
      </c>
      <c r="F166" s="1" t="s">
        <v>745</v>
      </c>
      <c r="G166" s="1" t="s">
        <v>19</v>
      </c>
      <c r="H166" s="1" t="s">
        <v>71</v>
      </c>
      <c r="I166" s="1">
        <v>1</v>
      </c>
      <c r="J166" s="1">
        <v>1</v>
      </c>
      <c r="K166" s="1"/>
      <c r="L166" s="1"/>
      <c r="M166" s="1">
        <v>1</v>
      </c>
      <c r="N166" s="1">
        <v>1</v>
      </c>
      <c r="O166" s="1">
        <v>35.366916400000001</v>
      </c>
      <c r="P166" s="1">
        <v>132.73952550000001</v>
      </c>
    </row>
    <row r="167" spans="1:16" ht="14.25" customHeight="1" x14ac:dyDescent="0.15">
      <c r="A167" s="1">
        <v>166</v>
      </c>
      <c r="B167" s="1" t="s">
        <v>746</v>
      </c>
      <c r="C167" s="1" t="s">
        <v>423</v>
      </c>
      <c r="D167" s="1" t="s">
        <v>747</v>
      </c>
      <c r="E167" s="1" t="s">
        <v>159</v>
      </c>
      <c r="F167" s="1" t="s">
        <v>748</v>
      </c>
      <c r="G167" s="1" t="s">
        <v>19</v>
      </c>
      <c r="H167" s="1" t="s">
        <v>71</v>
      </c>
      <c r="I167" s="1"/>
      <c r="J167" s="1">
        <v>1</v>
      </c>
      <c r="K167" s="1"/>
      <c r="L167" s="1"/>
      <c r="M167" s="1">
        <v>1</v>
      </c>
      <c r="N167" s="1">
        <v>1</v>
      </c>
      <c r="O167" s="1">
        <v>35.199219200000002</v>
      </c>
      <c r="P167" s="1">
        <v>132.49053290000001</v>
      </c>
    </row>
    <row r="168" spans="1:16" ht="14.25" customHeight="1" x14ac:dyDescent="0.15">
      <c r="A168" s="1">
        <v>167</v>
      </c>
      <c r="B168" s="1" t="s">
        <v>749</v>
      </c>
      <c r="C168" s="1" t="s">
        <v>750</v>
      </c>
      <c r="D168" s="1" t="s">
        <v>751</v>
      </c>
      <c r="E168" s="1" t="s">
        <v>159</v>
      </c>
      <c r="F168" s="1"/>
      <c r="G168" s="1" t="s">
        <v>19</v>
      </c>
      <c r="H168" s="1" t="s">
        <v>71</v>
      </c>
      <c r="I168" s="1"/>
      <c r="J168" s="1">
        <v>1</v>
      </c>
      <c r="K168" s="1"/>
      <c r="L168" s="1"/>
      <c r="M168" s="1">
        <v>1</v>
      </c>
      <c r="N168" s="1">
        <v>1</v>
      </c>
      <c r="O168" s="1">
        <v>35.197597100000003</v>
      </c>
      <c r="P168" s="1">
        <v>132.48095040000001</v>
      </c>
    </row>
    <row r="169" spans="1:16" ht="14.25" customHeight="1" x14ac:dyDescent="0.15">
      <c r="A169" s="1">
        <v>168</v>
      </c>
      <c r="B169" s="1" t="s">
        <v>752</v>
      </c>
      <c r="C169" s="1" t="s">
        <v>753</v>
      </c>
      <c r="D169" s="1" t="s">
        <v>754</v>
      </c>
      <c r="E169" s="1" t="s">
        <v>132</v>
      </c>
      <c r="F169" s="1" t="s">
        <v>755</v>
      </c>
      <c r="G169" s="1" t="s">
        <v>19</v>
      </c>
      <c r="H169" s="1" t="s">
        <v>71</v>
      </c>
      <c r="I169" s="1"/>
      <c r="J169" s="1">
        <v>1</v>
      </c>
      <c r="K169" s="1"/>
      <c r="L169" s="1"/>
      <c r="M169" s="1">
        <v>1</v>
      </c>
      <c r="N169" s="1">
        <v>1</v>
      </c>
      <c r="O169" s="1">
        <v>35.009793000000002</v>
      </c>
      <c r="P169" s="1">
        <v>132.21895599999999</v>
      </c>
    </row>
    <row r="170" spans="1:16" ht="14.25" customHeight="1" x14ac:dyDescent="0.15">
      <c r="A170" s="1">
        <v>169</v>
      </c>
      <c r="B170" s="1" t="s">
        <v>756</v>
      </c>
      <c r="C170" s="1" t="s">
        <v>757</v>
      </c>
      <c r="D170" s="1" t="s">
        <v>758</v>
      </c>
      <c r="E170" s="1" t="s">
        <v>132</v>
      </c>
      <c r="F170" s="1" t="s">
        <v>759</v>
      </c>
      <c r="G170" s="1" t="s">
        <v>19</v>
      </c>
      <c r="H170" s="1" t="s">
        <v>71</v>
      </c>
      <c r="I170" s="1">
        <v>1</v>
      </c>
      <c r="J170" s="1"/>
      <c r="K170" s="1"/>
      <c r="L170" s="1"/>
      <c r="M170" s="1">
        <v>1</v>
      </c>
      <c r="N170" s="1">
        <v>1</v>
      </c>
      <c r="O170" s="1">
        <v>34.863011</v>
      </c>
      <c r="P170" s="1">
        <v>132.02590799999999</v>
      </c>
    </row>
    <row r="171" spans="1:16" ht="14.25" customHeight="1" x14ac:dyDescent="0.15">
      <c r="A171" s="1">
        <v>170</v>
      </c>
      <c r="B171" s="1" t="s">
        <v>760</v>
      </c>
      <c r="C171" s="1" t="s">
        <v>288</v>
      </c>
      <c r="D171" s="1" t="s">
        <v>761</v>
      </c>
      <c r="E171" s="1" t="s">
        <v>132</v>
      </c>
      <c r="F171" s="1" t="s">
        <v>762</v>
      </c>
      <c r="G171" s="1" t="s">
        <v>19</v>
      </c>
      <c r="H171" s="1" t="s">
        <v>71</v>
      </c>
      <c r="I171" s="1">
        <v>1</v>
      </c>
      <c r="J171" s="1"/>
      <c r="K171" s="1">
        <v>1</v>
      </c>
      <c r="L171" s="1"/>
      <c r="M171" s="1">
        <v>1</v>
      </c>
      <c r="N171" s="1">
        <v>1</v>
      </c>
      <c r="O171" s="1">
        <v>34.900049000000003</v>
      </c>
      <c r="P171" s="1">
        <v>132.07158899999999</v>
      </c>
    </row>
    <row r="172" spans="1:16" ht="14.25" customHeight="1" x14ac:dyDescent="0.15">
      <c r="A172" s="1">
        <v>171</v>
      </c>
      <c r="B172" s="1" t="s">
        <v>763</v>
      </c>
      <c r="C172" s="1" t="s">
        <v>253</v>
      </c>
      <c r="D172" s="1" t="s">
        <v>764</v>
      </c>
      <c r="E172" s="1" t="s">
        <v>17</v>
      </c>
      <c r="F172" s="1" t="s">
        <v>765</v>
      </c>
      <c r="G172" s="1" t="s">
        <v>19</v>
      </c>
      <c r="H172" s="1" t="s">
        <v>71</v>
      </c>
      <c r="I172" s="1"/>
      <c r="J172" s="1">
        <v>1</v>
      </c>
      <c r="K172" s="1"/>
      <c r="L172" s="1"/>
      <c r="M172" s="1">
        <v>1</v>
      </c>
      <c r="N172" s="1">
        <v>1</v>
      </c>
      <c r="O172" s="1">
        <v>35.373053400000003</v>
      </c>
      <c r="P172" s="1">
        <v>132.73897149999999</v>
      </c>
    </row>
    <row r="173" spans="1:16" ht="14.25" customHeight="1" x14ac:dyDescent="0.15">
      <c r="A173" s="1">
        <v>172</v>
      </c>
      <c r="B173" s="1" t="s">
        <v>766</v>
      </c>
      <c r="C173" s="1" t="s">
        <v>324</v>
      </c>
      <c r="D173" s="1" t="s">
        <v>767</v>
      </c>
      <c r="E173" s="1" t="s">
        <v>75</v>
      </c>
      <c r="F173" s="1" t="s">
        <v>768</v>
      </c>
      <c r="G173" s="1" t="s">
        <v>769</v>
      </c>
      <c r="H173" s="1" t="s">
        <v>770</v>
      </c>
      <c r="I173" s="1"/>
      <c r="J173" s="1"/>
      <c r="K173" s="1">
        <v>1</v>
      </c>
      <c r="L173" s="1"/>
      <c r="M173" s="1">
        <v>1</v>
      </c>
      <c r="N173" s="1">
        <v>1</v>
      </c>
      <c r="O173" s="1">
        <v>35.479022700000002</v>
      </c>
      <c r="P173" s="1">
        <v>133.0675062</v>
      </c>
    </row>
    <row r="174" spans="1:16" ht="14.25" customHeight="1" x14ac:dyDescent="0.15">
      <c r="A174" s="1">
        <v>173</v>
      </c>
      <c r="B174" s="1" t="s">
        <v>771</v>
      </c>
      <c r="C174" s="1" t="s">
        <v>173</v>
      </c>
      <c r="D174" s="1" t="s">
        <v>772</v>
      </c>
      <c r="E174" s="1" t="s">
        <v>75</v>
      </c>
      <c r="F174" s="1" t="s">
        <v>773</v>
      </c>
      <c r="G174" s="1" t="s">
        <v>45</v>
      </c>
      <c r="H174" s="1" t="s">
        <v>774</v>
      </c>
      <c r="I174" s="1">
        <v>1</v>
      </c>
      <c r="J174" s="1">
        <v>1</v>
      </c>
      <c r="K174" s="1"/>
      <c r="L174" s="1"/>
      <c r="M174" s="1">
        <v>1</v>
      </c>
      <c r="N174" s="1">
        <v>1</v>
      </c>
      <c r="O174" s="1">
        <v>35.456755800000003</v>
      </c>
      <c r="P174" s="1">
        <v>133.06735990000001</v>
      </c>
    </row>
    <row r="175" spans="1:16" ht="14.25" customHeight="1" x14ac:dyDescent="0.15">
      <c r="A175" s="1">
        <v>174</v>
      </c>
      <c r="B175" s="1" t="s">
        <v>775</v>
      </c>
      <c r="C175" s="1" t="s">
        <v>776</v>
      </c>
      <c r="D175" s="1" t="s">
        <v>777</v>
      </c>
      <c r="E175" s="1" t="s">
        <v>17</v>
      </c>
      <c r="F175" s="1" t="s">
        <v>778</v>
      </c>
      <c r="G175" s="1" t="s">
        <v>19</v>
      </c>
      <c r="H175" s="1" t="s">
        <v>78</v>
      </c>
      <c r="I175" s="1"/>
      <c r="J175" s="1">
        <v>1</v>
      </c>
      <c r="K175" s="1"/>
      <c r="L175" s="1"/>
      <c r="M175" s="1">
        <v>1</v>
      </c>
      <c r="N175" s="1">
        <v>1</v>
      </c>
      <c r="O175" s="1">
        <v>35.380444300000001</v>
      </c>
      <c r="P175" s="1">
        <v>132.7400849</v>
      </c>
    </row>
    <row r="176" spans="1:16" ht="14.25" customHeight="1" x14ac:dyDescent="0.15">
      <c r="A176" s="1">
        <v>175</v>
      </c>
      <c r="B176" s="1" t="s">
        <v>779</v>
      </c>
      <c r="C176" s="1" t="s">
        <v>307</v>
      </c>
      <c r="D176" s="1" t="s">
        <v>780</v>
      </c>
      <c r="E176" s="1" t="s">
        <v>17</v>
      </c>
      <c r="F176" s="1" t="s">
        <v>781</v>
      </c>
      <c r="G176" s="1" t="s">
        <v>45</v>
      </c>
      <c r="H176" s="1" t="s">
        <v>782</v>
      </c>
      <c r="I176" s="1"/>
      <c r="J176" s="1">
        <v>1</v>
      </c>
      <c r="K176" s="1"/>
      <c r="L176" s="1"/>
      <c r="M176" s="1">
        <v>1</v>
      </c>
      <c r="N176" s="1">
        <v>1</v>
      </c>
      <c r="O176" s="1">
        <v>35.385574400000003</v>
      </c>
      <c r="P176" s="1">
        <v>132.74781719999999</v>
      </c>
    </row>
    <row r="177" spans="1:16" ht="14.25" customHeight="1" x14ac:dyDescent="0.15">
      <c r="A177" s="1">
        <v>176</v>
      </c>
      <c r="B177" s="1" t="s">
        <v>783</v>
      </c>
      <c r="C177" s="1" t="s">
        <v>784</v>
      </c>
      <c r="D177" s="1" t="s">
        <v>785</v>
      </c>
      <c r="E177" s="1" t="s">
        <v>54</v>
      </c>
      <c r="F177" s="1" t="s">
        <v>786</v>
      </c>
      <c r="G177" s="1" t="s">
        <v>77</v>
      </c>
      <c r="H177" s="1" t="s">
        <v>787</v>
      </c>
      <c r="I177" s="1"/>
      <c r="J177" s="1">
        <v>1</v>
      </c>
      <c r="K177" s="1"/>
      <c r="L177" s="1"/>
      <c r="M177" s="1">
        <v>1</v>
      </c>
      <c r="N177" s="1">
        <v>1</v>
      </c>
      <c r="O177" s="1">
        <v>35.325152699999997</v>
      </c>
      <c r="P177" s="1">
        <v>132.96493939999999</v>
      </c>
    </row>
    <row r="178" spans="1:16" ht="14.25" customHeight="1" x14ac:dyDescent="0.15">
      <c r="A178" s="1">
        <v>177</v>
      </c>
      <c r="B178" s="1" t="s">
        <v>788</v>
      </c>
      <c r="C178" s="1" t="s">
        <v>410</v>
      </c>
      <c r="D178" s="1" t="s">
        <v>789</v>
      </c>
      <c r="E178" s="1" t="s">
        <v>75</v>
      </c>
      <c r="F178" s="1" t="s">
        <v>790</v>
      </c>
      <c r="G178" s="1" t="s">
        <v>19</v>
      </c>
      <c r="H178" s="1" t="s">
        <v>791</v>
      </c>
      <c r="I178" s="1"/>
      <c r="J178" s="1">
        <v>1</v>
      </c>
      <c r="K178" s="1"/>
      <c r="L178" s="1"/>
      <c r="M178" s="1">
        <v>1</v>
      </c>
      <c r="N178" s="1">
        <v>1</v>
      </c>
      <c r="O178" s="1">
        <v>35.442813000000001</v>
      </c>
      <c r="P178" s="1">
        <v>133.06274999999999</v>
      </c>
    </row>
    <row r="179" spans="1:16" ht="14.25" customHeight="1" x14ac:dyDescent="0.15">
      <c r="A179" s="1">
        <v>178</v>
      </c>
      <c r="B179" s="1" t="s">
        <v>792</v>
      </c>
      <c r="C179" s="1" t="s">
        <v>37</v>
      </c>
      <c r="D179" s="1" t="s">
        <v>793</v>
      </c>
      <c r="E179" s="1" t="s">
        <v>17</v>
      </c>
      <c r="F179" s="1" t="s">
        <v>794</v>
      </c>
      <c r="G179" s="1" t="s">
        <v>70</v>
      </c>
      <c r="H179" s="1" t="s">
        <v>795</v>
      </c>
      <c r="I179" s="1"/>
      <c r="J179" s="1">
        <v>1</v>
      </c>
      <c r="K179" s="1"/>
      <c r="L179" s="1"/>
      <c r="M179" s="1">
        <v>1</v>
      </c>
      <c r="N179" s="1">
        <v>1</v>
      </c>
      <c r="O179" s="1">
        <v>35.369081799999996</v>
      </c>
      <c r="P179" s="1">
        <v>132.7452878</v>
      </c>
    </row>
    <row r="180" spans="1:16" ht="14.25" customHeight="1" x14ac:dyDescent="0.15">
      <c r="A180" s="1">
        <v>179</v>
      </c>
      <c r="B180" s="1" t="s">
        <v>796</v>
      </c>
      <c r="C180" s="1" t="s">
        <v>797</v>
      </c>
      <c r="D180" s="1" t="s">
        <v>798</v>
      </c>
      <c r="E180" s="1" t="s">
        <v>17</v>
      </c>
      <c r="F180" s="1" t="s">
        <v>799</v>
      </c>
      <c r="G180" s="1" t="s">
        <v>728</v>
      </c>
      <c r="H180" s="1" t="s">
        <v>724</v>
      </c>
      <c r="I180" s="1"/>
      <c r="J180" s="1">
        <v>1</v>
      </c>
      <c r="K180" s="1"/>
      <c r="L180" s="1"/>
      <c r="M180" s="1">
        <v>1</v>
      </c>
      <c r="N180" s="1">
        <v>1</v>
      </c>
      <c r="O180" s="1">
        <v>35.372306700000003</v>
      </c>
      <c r="P180" s="1">
        <v>132.75638660000001</v>
      </c>
    </row>
    <row r="181" spans="1:16" ht="14.25" customHeight="1" x14ac:dyDescent="0.15">
      <c r="A181" s="1">
        <v>180</v>
      </c>
      <c r="B181" s="1" t="s">
        <v>800</v>
      </c>
      <c r="C181" s="1" t="s">
        <v>67</v>
      </c>
      <c r="D181" s="1" t="s">
        <v>801</v>
      </c>
      <c r="E181" s="1" t="s">
        <v>17</v>
      </c>
      <c r="F181" s="1" t="s">
        <v>802</v>
      </c>
      <c r="G181" s="1" t="s">
        <v>728</v>
      </c>
      <c r="H181" s="1" t="s">
        <v>177</v>
      </c>
      <c r="I181" s="1"/>
      <c r="J181" s="1">
        <v>1</v>
      </c>
      <c r="K181" s="1"/>
      <c r="L181" s="1"/>
      <c r="M181" s="1">
        <v>1</v>
      </c>
      <c r="N181" s="1">
        <v>1</v>
      </c>
      <c r="O181" s="1">
        <v>35.363841000000001</v>
      </c>
      <c r="P181" s="1">
        <v>132.7557315</v>
      </c>
    </row>
    <row r="182" spans="1:16" ht="14.25" customHeight="1" x14ac:dyDescent="0.15">
      <c r="A182" s="1">
        <v>181</v>
      </c>
      <c r="B182" s="1" t="s">
        <v>803</v>
      </c>
      <c r="C182" s="1" t="s">
        <v>804</v>
      </c>
      <c r="D182" s="1" t="s">
        <v>805</v>
      </c>
      <c r="E182" s="1" t="s">
        <v>75</v>
      </c>
      <c r="F182" s="1" t="s">
        <v>806</v>
      </c>
      <c r="G182" s="1" t="s">
        <v>19</v>
      </c>
      <c r="H182" s="1"/>
      <c r="I182" s="1">
        <v>1</v>
      </c>
      <c r="J182" s="1">
        <v>1</v>
      </c>
      <c r="K182" s="1"/>
      <c r="L182" s="1"/>
      <c r="M182" s="1">
        <v>1</v>
      </c>
      <c r="N182" s="1">
        <v>1</v>
      </c>
      <c r="O182" s="1">
        <v>35.416911499999998</v>
      </c>
      <c r="P182" s="1">
        <v>133.00871419999999</v>
      </c>
    </row>
    <row r="183" spans="1:16" ht="14.25" customHeight="1" x14ac:dyDescent="0.15">
      <c r="A183" s="1">
        <v>182</v>
      </c>
      <c r="B183" s="1" t="s">
        <v>807</v>
      </c>
      <c r="C183" s="1" t="s">
        <v>339</v>
      </c>
      <c r="D183" s="1" t="s">
        <v>808</v>
      </c>
      <c r="E183" s="1" t="s">
        <v>75</v>
      </c>
      <c r="F183" s="1" t="s">
        <v>809</v>
      </c>
      <c r="G183" s="1" t="s">
        <v>810</v>
      </c>
      <c r="H183" s="1" t="s">
        <v>811</v>
      </c>
      <c r="I183" s="1">
        <v>1</v>
      </c>
      <c r="J183" s="1">
        <v>1</v>
      </c>
      <c r="K183" s="1">
        <v>1</v>
      </c>
      <c r="L183" s="1"/>
      <c r="M183" s="1">
        <v>1</v>
      </c>
      <c r="N183" s="1">
        <v>1</v>
      </c>
      <c r="O183" s="1">
        <v>35.492121699999998</v>
      </c>
      <c r="P183" s="1">
        <v>133.08667579999999</v>
      </c>
    </row>
    <row r="184" spans="1:16" ht="14.25" customHeight="1" x14ac:dyDescent="0.15">
      <c r="A184" s="1">
        <v>183</v>
      </c>
      <c r="B184" s="1" t="s">
        <v>812</v>
      </c>
      <c r="C184" s="1" t="s">
        <v>813</v>
      </c>
      <c r="D184" s="1" t="s">
        <v>814</v>
      </c>
      <c r="E184" s="1" t="s">
        <v>17</v>
      </c>
      <c r="F184" s="1" t="s">
        <v>815</v>
      </c>
      <c r="G184" s="1" t="s">
        <v>728</v>
      </c>
      <c r="H184" s="1" t="s">
        <v>139</v>
      </c>
      <c r="I184" s="1"/>
      <c r="J184" s="1">
        <v>1</v>
      </c>
      <c r="K184" s="1"/>
      <c r="L184" s="1"/>
      <c r="M184" s="1">
        <v>1</v>
      </c>
      <c r="N184" s="1">
        <v>1</v>
      </c>
      <c r="O184" s="1">
        <v>35.380529699999997</v>
      </c>
      <c r="P184" s="1">
        <v>132.68977860000001</v>
      </c>
    </row>
    <row r="185" spans="1:16" ht="14.25" customHeight="1" x14ac:dyDescent="0.15">
      <c r="A185" s="1">
        <v>184</v>
      </c>
      <c r="B185" s="1" t="s">
        <v>816</v>
      </c>
      <c r="C185" s="1" t="s">
        <v>817</v>
      </c>
      <c r="D185" s="1" t="s">
        <v>818</v>
      </c>
      <c r="E185" s="1" t="s">
        <v>17</v>
      </c>
      <c r="F185" s="1" t="s">
        <v>819</v>
      </c>
      <c r="G185" s="1" t="s">
        <v>728</v>
      </c>
      <c r="H185" s="1" t="s">
        <v>820</v>
      </c>
      <c r="I185" s="1"/>
      <c r="J185" s="1">
        <v>1</v>
      </c>
      <c r="K185" s="1"/>
      <c r="L185" s="1"/>
      <c r="M185" s="1">
        <v>1</v>
      </c>
      <c r="N185" s="1">
        <v>1</v>
      </c>
      <c r="O185" s="1">
        <v>35.343190300000003</v>
      </c>
      <c r="P185" s="1">
        <v>132.7400974</v>
      </c>
    </row>
    <row r="186" spans="1:16" ht="14.25" customHeight="1" x14ac:dyDescent="0.15">
      <c r="A186" s="1">
        <v>185</v>
      </c>
      <c r="B186" s="1" t="s">
        <v>821</v>
      </c>
      <c r="C186" s="1" t="s">
        <v>797</v>
      </c>
      <c r="D186" s="1" t="s">
        <v>822</v>
      </c>
      <c r="E186" s="1" t="s">
        <v>17</v>
      </c>
      <c r="F186" s="1" t="s">
        <v>823</v>
      </c>
      <c r="G186" s="1" t="s">
        <v>728</v>
      </c>
      <c r="H186" s="1" t="s">
        <v>724</v>
      </c>
      <c r="I186" s="1"/>
      <c r="J186" s="1">
        <v>1</v>
      </c>
      <c r="K186" s="1"/>
      <c r="L186" s="1"/>
      <c r="M186" s="1">
        <v>1</v>
      </c>
      <c r="N186" s="1">
        <v>1</v>
      </c>
      <c r="O186" s="1">
        <v>35.372198300000001</v>
      </c>
      <c r="P186" s="1">
        <v>132.75386750000001</v>
      </c>
    </row>
    <row r="187" spans="1:16" ht="14.25" customHeight="1" x14ac:dyDescent="0.15">
      <c r="A187" s="1">
        <v>186</v>
      </c>
      <c r="B187" s="1" t="s">
        <v>824</v>
      </c>
      <c r="C187" s="1" t="s">
        <v>639</v>
      </c>
      <c r="D187" s="1" t="s">
        <v>825</v>
      </c>
      <c r="E187" s="1" t="s">
        <v>54</v>
      </c>
      <c r="F187" s="1" t="s">
        <v>826</v>
      </c>
      <c r="G187" s="1" t="s">
        <v>728</v>
      </c>
      <c r="H187" s="1" t="s">
        <v>724</v>
      </c>
      <c r="I187" s="1"/>
      <c r="J187" s="1">
        <v>1</v>
      </c>
      <c r="K187" s="1"/>
      <c r="L187" s="1"/>
      <c r="M187" s="1">
        <v>1</v>
      </c>
      <c r="N187" s="1">
        <v>1</v>
      </c>
      <c r="O187" s="1">
        <v>35.301782000000003</v>
      </c>
      <c r="P187" s="1">
        <v>132.89254489999999</v>
      </c>
    </row>
    <row r="188" spans="1:16" ht="14.25" customHeight="1" x14ac:dyDescent="0.15">
      <c r="A188" s="1">
        <v>187</v>
      </c>
      <c r="B188" s="1" t="s">
        <v>827</v>
      </c>
      <c r="C188" s="1" t="s">
        <v>240</v>
      </c>
      <c r="D188" s="1" t="s">
        <v>828</v>
      </c>
      <c r="E188" s="1" t="s">
        <v>75</v>
      </c>
      <c r="F188" s="1" t="s">
        <v>829</v>
      </c>
      <c r="G188" s="1" t="s">
        <v>728</v>
      </c>
      <c r="H188" s="1" t="s">
        <v>724</v>
      </c>
      <c r="I188" s="1"/>
      <c r="J188" s="1">
        <v>1</v>
      </c>
      <c r="K188" s="1"/>
      <c r="L188" s="1"/>
      <c r="M188" s="1">
        <v>1</v>
      </c>
      <c r="N188" s="1">
        <v>1</v>
      </c>
      <c r="O188" s="1">
        <v>35.428256400000002</v>
      </c>
      <c r="P188" s="1">
        <v>133.25372340000001</v>
      </c>
    </row>
    <row r="189" spans="1:16" ht="14.25" customHeight="1" x14ac:dyDescent="0.15">
      <c r="A189" s="1">
        <v>188</v>
      </c>
      <c r="B189" s="1" t="s">
        <v>830</v>
      </c>
      <c r="C189" s="1" t="s">
        <v>37</v>
      </c>
      <c r="D189" s="1" t="s">
        <v>831</v>
      </c>
      <c r="E189" s="1" t="s">
        <v>17</v>
      </c>
      <c r="F189" s="1" t="s">
        <v>832</v>
      </c>
      <c r="G189" s="1" t="s">
        <v>833</v>
      </c>
      <c r="H189" s="1" t="s">
        <v>71</v>
      </c>
      <c r="I189" s="1">
        <v>1</v>
      </c>
      <c r="J189" s="1"/>
      <c r="K189" s="1"/>
      <c r="L189" s="1"/>
      <c r="M189" s="1">
        <v>1</v>
      </c>
      <c r="N189" s="1">
        <v>1</v>
      </c>
      <c r="O189" s="1">
        <v>35.367823700000002</v>
      </c>
      <c r="P189" s="1">
        <v>132.74842090000001</v>
      </c>
    </row>
    <row r="190" spans="1:16" ht="14.25" customHeight="1" x14ac:dyDescent="0.15">
      <c r="A190" s="1">
        <v>189</v>
      </c>
      <c r="B190" s="1" t="s">
        <v>834</v>
      </c>
      <c r="C190" s="1" t="s">
        <v>15</v>
      </c>
      <c r="D190" s="1" t="s">
        <v>835</v>
      </c>
      <c r="E190" s="1" t="s">
        <v>17</v>
      </c>
      <c r="F190" s="1" t="s">
        <v>836</v>
      </c>
      <c r="G190" s="1" t="s">
        <v>45</v>
      </c>
      <c r="H190" s="1" t="s">
        <v>837</v>
      </c>
      <c r="I190" s="1">
        <v>1</v>
      </c>
      <c r="J190" s="1"/>
      <c r="K190" s="1"/>
      <c r="L190" s="1"/>
      <c r="M190" s="1">
        <v>1</v>
      </c>
      <c r="N190" s="1">
        <v>1</v>
      </c>
      <c r="O190" s="1">
        <v>35.440903300000002</v>
      </c>
      <c r="P190" s="1">
        <v>132.8318926</v>
      </c>
    </row>
    <row r="191" spans="1:16" ht="14.25" customHeight="1" x14ac:dyDescent="0.15">
      <c r="A191" s="1">
        <v>190</v>
      </c>
      <c r="B191" s="1" t="s">
        <v>838</v>
      </c>
      <c r="C191" s="1" t="s">
        <v>116</v>
      </c>
      <c r="D191" s="1" t="s">
        <v>839</v>
      </c>
      <c r="E191" s="1" t="s">
        <v>17</v>
      </c>
      <c r="F191" s="1" t="s">
        <v>840</v>
      </c>
      <c r="G191" s="1" t="s">
        <v>45</v>
      </c>
      <c r="H191" s="1" t="s">
        <v>837</v>
      </c>
      <c r="I191" s="1">
        <v>1</v>
      </c>
      <c r="J191" s="1"/>
      <c r="K191" s="1"/>
      <c r="L191" s="1"/>
      <c r="M191" s="1">
        <v>1</v>
      </c>
      <c r="N191" s="1">
        <v>1</v>
      </c>
      <c r="O191" s="1">
        <v>35.396266099999998</v>
      </c>
      <c r="P191" s="1">
        <v>132.8510876</v>
      </c>
    </row>
    <row r="192" spans="1:16" ht="14.25" customHeight="1" x14ac:dyDescent="0.15">
      <c r="A192" s="1">
        <v>191</v>
      </c>
      <c r="B192" s="1" t="s">
        <v>841</v>
      </c>
      <c r="C192" s="1" t="s">
        <v>136</v>
      </c>
      <c r="D192" s="1" t="s">
        <v>842</v>
      </c>
      <c r="E192" s="1" t="s">
        <v>75</v>
      </c>
      <c r="F192" s="1" t="s">
        <v>843</v>
      </c>
      <c r="G192" s="1" t="s">
        <v>144</v>
      </c>
      <c r="H192" s="1" t="s">
        <v>844</v>
      </c>
      <c r="I192" s="1"/>
      <c r="J192" s="1">
        <v>1</v>
      </c>
      <c r="K192" s="1"/>
      <c r="L192" s="1"/>
      <c r="M192" s="1">
        <v>1</v>
      </c>
      <c r="N192" s="1">
        <v>1</v>
      </c>
      <c r="O192" s="1">
        <v>35.480113500000002</v>
      </c>
      <c r="P192" s="1">
        <v>133.04504159999999</v>
      </c>
    </row>
    <row r="193" spans="1:16" ht="14.25" customHeight="1" x14ac:dyDescent="0.15">
      <c r="A193" s="1">
        <v>192</v>
      </c>
      <c r="B193" s="1" t="s">
        <v>845</v>
      </c>
      <c r="C193" s="1" t="s">
        <v>846</v>
      </c>
      <c r="D193" s="1" t="s">
        <v>847</v>
      </c>
      <c r="E193" s="1" t="s">
        <v>75</v>
      </c>
      <c r="F193" s="1" t="s">
        <v>848</v>
      </c>
      <c r="G193" s="1" t="s">
        <v>56</v>
      </c>
      <c r="H193" s="1" t="s">
        <v>724</v>
      </c>
      <c r="I193" s="1">
        <v>1</v>
      </c>
      <c r="J193" s="1"/>
      <c r="K193" s="1"/>
      <c r="L193" s="1"/>
      <c r="M193" s="1">
        <v>1</v>
      </c>
      <c r="N193" s="1">
        <v>1</v>
      </c>
      <c r="O193" s="1">
        <v>35.469431899999996</v>
      </c>
      <c r="P193" s="1">
        <v>133.05704919999999</v>
      </c>
    </row>
    <row r="194" spans="1:16" ht="14.25" customHeight="1" x14ac:dyDescent="0.15">
      <c r="A194" s="1">
        <v>193</v>
      </c>
      <c r="B194" s="1" t="s">
        <v>849</v>
      </c>
      <c r="C194" s="1" t="s">
        <v>846</v>
      </c>
      <c r="D194" s="1" t="s">
        <v>850</v>
      </c>
      <c r="E194" s="1" t="s">
        <v>75</v>
      </c>
      <c r="F194" s="1" t="s">
        <v>851</v>
      </c>
      <c r="G194" s="1" t="s">
        <v>56</v>
      </c>
      <c r="H194" s="1" t="s">
        <v>724</v>
      </c>
      <c r="I194" s="1">
        <v>1</v>
      </c>
      <c r="J194" s="1"/>
      <c r="K194" s="1"/>
      <c r="L194" s="1"/>
      <c r="M194" s="1">
        <v>1</v>
      </c>
      <c r="N194" s="1">
        <v>1</v>
      </c>
      <c r="O194" s="1">
        <v>35.479378199999999</v>
      </c>
      <c r="P194" s="1">
        <v>133.0684311</v>
      </c>
    </row>
    <row r="195" spans="1:16" ht="14.25" customHeight="1" x14ac:dyDescent="0.15">
      <c r="A195" s="1">
        <v>194</v>
      </c>
      <c r="B195" s="1" t="s">
        <v>852</v>
      </c>
      <c r="C195" s="1" t="s">
        <v>846</v>
      </c>
      <c r="D195" s="1" t="s">
        <v>853</v>
      </c>
      <c r="E195" s="1" t="s">
        <v>75</v>
      </c>
      <c r="F195" s="1" t="s">
        <v>854</v>
      </c>
      <c r="G195" s="1" t="s">
        <v>56</v>
      </c>
      <c r="H195" s="1" t="s">
        <v>724</v>
      </c>
      <c r="I195" s="1">
        <v>1</v>
      </c>
      <c r="J195" s="1"/>
      <c r="K195" s="1"/>
      <c r="L195" s="1"/>
      <c r="M195" s="1">
        <v>1</v>
      </c>
      <c r="N195" s="1">
        <v>1</v>
      </c>
      <c r="O195" s="1">
        <v>35.475186299999997</v>
      </c>
      <c r="P195" s="1">
        <v>133.0434808</v>
      </c>
    </row>
    <row r="196" spans="1:16" ht="14.25" customHeight="1" x14ac:dyDescent="0.15">
      <c r="A196" s="1">
        <v>195</v>
      </c>
      <c r="B196" s="1" t="s">
        <v>855</v>
      </c>
      <c r="C196" s="1" t="s">
        <v>454</v>
      </c>
      <c r="D196" s="1" t="s">
        <v>856</v>
      </c>
      <c r="E196" s="1" t="s">
        <v>17</v>
      </c>
      <c r="F196" s="1" t="s">
        <v>857</v>
      </c>
      <c r="G196" s="1" t="s">
        <v>56</v>
      </c>
      <c r="H196" s="1" t="s">
        <v>724</v>
      </c>
      <c r="I196" s="1"/>
      <c r="J196" s="1">
        <v>1</v>
      </c>
      <c r="K196" s="1"/>
      <c r="L196" s="1"/>
      <c r="M196" s="1">
        <v>1</v>
      </c>
      <c r="N196" s="1">
        <v>1</v>
      </c>
      <c r="O196" s="1">
        <v>35.390861000000001</v>
      </c>
      <c r="P196" s="1">
        <v>132.828992</v>
      </c>
    </row>
    <row r="197" spans="1:16" ht="14.25" customHeight="1" x14ac:dyDescent="0.15">
      <c r="A197" s="1">
        <v>196</v>
      </c>
      <c r="B197" s="1" t="s">
        <v>858</v>
      </c>
      <c r="C197" s="1" t="s">
        <v>324</v>
      </c>
      <c r="D197" s="1" t="s">
        <v>859</v>
      </c>
      <c r="E197" s="1" t="s">
        <v>75</v>
      </c>
      <c r="F197" s="1" t="s">
        <v>860</v>
      </c>
      <c r="G197" s="1"/>
      <c r="H197" s="1" t="s">
        <v>46</v>
      </c>
      <c r="I197" s="1"/>
      <c r="J197" s="1">
        <v>1</v>
      </c>
      <c r="K197" s="1"/>
      <c r="L197" s="1"/>
      <c r="M197" s="1">
        <v>1</v>
      </c>
      <c r="N197" s="1">
        <v>1</v>
      </c>
      <c r="O197" s="1">
        <v>35.483697200000002</v>
      </c>
      <c r="P197" s="1">
        <v>133.07011410000001</v>
      </c>
    </row>
    <row r="198" spans="1:16" ht="14.25" customHeight="1" x14ac:dyDescent="0.15">
      <c r="A198" s="1">
        <v>197</v>
      </c>
      <c r="B198" s="1" t="s">
        <v>861</v>
      </c>
      <c r="C198" s="1" t="s">
        <v>525</v>
      </c>
      <c r="D198" s="1" t="s">
        <v>862</v>
      </c>
      <c r="E198" s="1" t="s">
        <v>17</v>
      </c>
      <c r="F198" s="1" t="s">
        <v>863</v>
      </c>
      <c r="G198" s="1" t="s">
        <v>864</v>
      </c>
      <c r="H198" s="1" t="s">
        <v>865</v>
      </c>
      <c r="I198" s="1">
        <v>1</v>
      </c>
      <c r="J198" s="1"/>
      <c r="K198" s="1"/>
      <c r="L198" s="1"/>
      <c r="M198" s="1">
        <v>1</v>
      </c>
      <c r="N198" s="1">
        <v>1</v>
      </c>
      <c r="O198" s="1">
        <v>35.3974969</v>
      </c>
      <c r="P198" s="1">
        <v>132.6822536</v>
      </c>
    </row>
    <row r="199" spans="1:16" ht="14.25" customHeight="1" x14ac:dyDescent="0.15">
      <c r="A199" s="1">
        <v>198</v>
      </c>
      <c r="B199" s="1" t="s">
        <v>866</v>
      </c>
      <c r="C199" s="1" t="s">
        <v>867</v>
      </c>
      <c r="D199" s="1" t="s">
        <v>868</v>
      </c>
      <c r="E199" s="1" t="s">
        <v>17</v>
      </c>
      <c r="F199" s="1" t="s">
        <v>869</v>
      </c>
      <c r="G199" s="1" t="s">
        <v>349</v>
      </c>
      <c r="H199" s="1" t="s">
        <v>613</v>
      </c>
      <c r="I199" s="1"/>
      <c r="J199" s="1">
        <v>1</v>
      </c>
      <c r="K199" s="1"/>
      <c r="L199" s="1"/>
      <c r="M199" s="1">
        <v>1</v>
      </c>
      <c r="N199" s="1">
        <v>1</v>
      </c>
      <c r="O199" s="1">
        <v>35.384102800000001</v>
      </c>
      <c r="P199" s="1">
        <v>132.76699590000001</v>
      </c>
    </row>
    <row r="200" spans="1:16" ht="14.25" customHeight="1" x14ac:dyDescent="0.15">
      <c r="A200" s="1">
        <v>199</v>
      </c>
      <c r="B200" s="1" t="s">
        <v>870</v>
      </c>
      <c r="C200" s="1" t="s">
        <v>676</v>
      </c>
      <c r="D200" s="1" t="s">
        <v>871</v>
      </c>
      <c r="E200" s="1" t="s">
        <v>75</v>
      </c>
      <c r="F200" s="1" t="s">
        <v>872</v>
      </c>
      <c r="G200" s="1" t="s">
        <v>349</v>
      </c>
      <c r="H200" s="1" t="s">
        <v>613</v>
      </c>
      <c r="I200" s="1"/>
      <c r="J200" s="1">
        <v>1</v>
      </c>
      <c r="K200" s="1"/>
      <c r="L200" s="1"/>
      <c r="M200" s="1">
        <v>1</v>
      </c>
      <c r="N200" s="1">
        <v>1</v>
      </c>
      <c r="O200" s="1">
        <v>35.452547600000003</v>
      </c>
      <c r="P200" s="1">
        <v>133.05173360000001</v>
      </c>
    </row>
    <row r="201" spans="1:16" ht="14.25" customHeight="1" x14ac:dyDescent="0.15">
      <c r="A201" s="1">
        <v>200</v>
      </c>
      <c r="B201" s="1" t="s">
        <v>873</v>
      </c>
      <c r="C201" s="1" t="s">
        <v>874</v>
      </c>
      <c r="D201" s="1" t="s">
        <v>875</v>
      </c>
      <c r="E201" s="1" t="s">
        <v>75</v>
      </c>
      <c r="F201" s="1" t="s">
        <v>876</v>
      </c>
      <c r="G201" s="1" t="s">
        <v>349</v>
      </c>
      <c r="H201" s="1" t="s">
        <v>613</v>
      </c>
      <c r="I201" s="1"/>
      <c r="J201" s="1">
        <v>1</v>
      </c>
      <c r="K201" s="1"/>
      <c r="L201" s="1"/>
      <c r="M201" s="1">
        <v>1</v>
      </c>
      <c r="N201" s="1">
        <v>1</v>
      </c>
      <c r="O201" s="1">
        <v>35.450742200000001</v>
      </c>
      <c r="P201" s="1">
        <v>133.04941170000001</v>
      </c>
    </row>
    <row r="202" spans="1:16" ht="14.25" customHeight="1" x14ac:dyDescent="0.15">
      <c r="A202" s="1">
        <v>201</v>
      </c>
      <c r="B202" s="1" t="s">
        <v>877</v>
      </c>
      <c r="C202" s="1" t="s">
        <v>878</v>
      </c>
      <c r="D202" s="1" t="s">
        <v>879</v>
      </c>
      <c r="E202" s="1" t="s">
        <v>17</v>
      </c>
      <c r="F202" s="1" t="s">
        <v>880</v>
      </c>
      <c r="G202" s="1" t="s">
        <v>349</v>
      </c>
      <c r="H202" s="1" t="s">
        <v>613</v>
      </c>
      <c r="I202" s="1"/>
      <c r="J202" s="1">
        <v>1</v>
      </c>
      <c r="K202" s="1"/>
      <c r="L202" s="1"/>
      <c r="M202" s="1">
        <v>1</v>
      </c>
      <c r="N202" s="1">
        <v>1</v>
      </c>
      <c r="O202" s="1">
        <v>35.368074200000002</v>
      </c>
      <c r="P202" s="1">
        <v>132.76718829999999</v>
      </c>
    </row>
    <row r="203" spans="1:16" ht="14.25" customHeight="1" x14ac:dyDescent="0.15">
      <c r="A203" s="1">
        <v>202</v>
      </c>
      <c r="B203" s="1" t="s">
        <v>881</v>
      </c>
      <c r="C203" s="1" t="s">
        <v>373</v>
      </c>
      <c r="D203" s="1" t="s">
        <v>882</v>
      </c>
      <c r="E203" s="1" t="s">
        <v>17</v>
      </c>
      <c r="F203" s="1" t="s">
        <v>880</v>
      </c>
      <c r="G203" s="1" t="s">
        <v>349</v>
      </c>
      <c r="H203" s="1" t="s">
        <v>613</v>
      </c>
      <c r="I203" s="1"/>
      <c r="J203" s="1">
        <v>1</v>
      </c>
      <c r="K203" s="1"/>
      <c r="L203" s="1"/>
      <c r="M203" s="1">
        <v>1</v>
      </c>
      <c r="N203" s="1">
        <v>1</v>
      </c>
      <c r="O203" s="1">
        <v>35.394972099999997</v>
      </c>
      <c r="P203" s="1">
        <v>132.8640393</v>
      </c>
    </row>
    <row r="204" spans="1:16" ht="14.25" customHeight="1" x14ac:dyDescent="0.15">
      <c r="A204" s="1">
        <v>203</v>
      </c>
      <c r="B204" s="1" t="s">
        <v>883</v>
      </c>
      <c r="C204" s="1" t="s">
        <v>668</v>
      </c>
      <c r="D204" s="1" t="s">
        <v>884</v>
      </c>
      <c r="E204" s="1" t="s">
        <v>75</v>
      </c>
      <c r="F204" s="1" t="s">
        <v>885</v>
      </c>
      <c r="G204" s="1" t="s">
        <v>349</v>
      </c>
      <c r="H204" s="1" t="s">
        <v>613</v>
      </c>
      <c r="I204" s="1"/>
      <c r="J204" s="1">
        <v>1</v>
      </c>
      <c r="K204" s="1"/>
      <c r="L204" s="1"/>
      <c r="M204" s="1">
        <v>1</v>
      </c>
      <c r="N204" s="1">
        <v>1</v>
      </c>
      <c r="O204" s="1">
        <v>35.427059999999997</v>
      </c>
      <c r="P204" s="1">
        <v>133.141018</v>
      </c>
    </row>
    <row r="205" spans="1:16" ht="14.25" customHeight="1" x14ac:dyDescent="0.15">
      <c r="A205" s="1">
        <v>204</v>
      </c>
      <c r="B205" s="1" t="s">
        <v>886</v>
      </c>
      <c r="C205" s="1" t="s">
        <v>784</v>
      </c>
      <c r="D205" s="1" t="s">
        <v>887</v>
      </c>
      <c r="E205" s="1" t="s">
        <v>54</v>
      </c>
      <c r="F205" s="1" t="s">
        <v>888</v>
      </c>
      <c r="G205" s="1" t="s">
        <v>349</v>
      </c>
      <c r="H205" s="1" t="s">
        <v>613</v>
      </c>
      <c r="I205" s="1"/>
      <c r="J205" s="1">
        <v>1</v>
      </c>
      <c r="K205" s="1"/>
      <c r="L205" s="1"/>
      <c r="M205" s="1">
        <v>1</v>
      </c>
      <c r="N205" s="1">
        <v>1</v>
      </c>
      <c r="O205" s="1">
        <v>35.322972800000002</v>
      </c>
      <c r="P205" s="1">
        <v>132.9755634</v>
      </c>
    </row>
    <row r="206" spans="1:16" ht="14.25" customHeight="1" x14ac:dyDescent="0.15">
      <c r="A206" s="1">
        <v>205</v>
      </c>
      <c r="B206" s="1" t="s">
        <v>889</v>
      </c>
      <c r="C206" s="1" t="s">
        <v>890</v>
      </c>
      <c r="D206" s="1" t="s">
        <v>891</v>
      </c>
      <c r="E206" s="1" t="s">
        <v>132</v>
      </c>
      <c r="F206" s="1" t="s">
        <v>892</v>
      </c>
      <c r="G206" s="1" t="s">
        <v>349</v>
      </c>
      <c r="H206" s="1" t="s">
        <v>613</v>
      </c>
      <c r="I206" s="1"/>
      <c r="J206" s="1">
        <v>1</v>
      </c>
      <c r="K206" s="1"/>
      <c r="L206" s="1"/>
      <c r="M206" s="1">
        <v>1</v>
      </c>
      <c r="N206" s="1">
        <v>1</v>
      </c>
      <c r="O206" s="1">
        <v>35.036700500000002</v>
      </c>
      <c r="P206" s="1">
        <v>132.2726787</v>
      </c>
    </row>
    <row r="207" spans="1:16" ht="14.25" customHeight="1" x14ac:dyDescent="0.15">
      <c r="A207" s="1">
        <v>206</v>
      </c>
      <c r="B207" s="1" t="s">
        <v>893</v>
      </c>
      <c r="C207" s="1" t="s">
        <v>894</v>
      </c>
      <c r="D207" s="1" t="s">
        <v>895</v>
      </c>
      <c r="E207" s="1" t="s">
        <v>132</v>
      </c>
      <c r="F207" s="1" t="s">
        <v>896</v>
      </c>
      <c r="G207" s="1" t="s">
        <v>349</v>
      </c>
      <c r="H207" s="1" t="s">
        <v>613</v>
      </c>
      <c r="I207" s="1"/>
      <c r="J207" s="1">
        <v>1</v>
      </c>
      <c r="K207" s="1"/>
      <c r="L207" s="1"/>
      <c r="M207" s="1">
        <v>1</v>
      </c>
      <c r="N207" s="1">
        <v>1</v>
      </c>
      <c r="O207" s="1">
        <v>34.938304600000002</v>
      </c>
      <c r="P207" s="1">
        <v>132.11580660000001</v>
      </c>
    </row>
    <row r="208" spans="1:16" ht="14.25" customHeight="1" x14ac:dyDescent="0.15">
      <c r="A208" s="1">
        <v>207</v>
      </c>
      <c r="B208" s="1" t="s">
        <v>897</v>
      </c>
      <c r="C208" s="1" t="s">
        <v>15</v>
      </c>
      <c r="D208" s="1" t="s">
        <v>898</v>
      </c>
      <c r="E208" s="1" t="s">
        <v>17</v>
      </c>
      <c r="F208" s="1" t="s">
        <v>899</v>
      </c>
      <c r="G208" s="1" t="s">
        <v>349</v>
      </c>
      <c r="H208" s="1" t="s">
        <v>613</v>
      </c>
      <c r="I208" s="1"/>
      <c r="J208" s="1">
        <v>1</v>
      </c>
      <c r="K208" s="1"/>
      <c r="L208" s="1"/>
      <c r="M208" s="1">
        <v>1</v>
      </c>
      <c r="N208" s="1">
        <v>1</v>
      </c>
      <c r="O208" s="1">
        <v>35.440163400000003</v>
      </c>
      <c r="P208" s="1">
        <v>132.82928150000001</v>
      </c>
    </row>
    <row r="209" spans="1:16" ht="14.25" customHeight="1" x14ac:dyDescent="0.15">
      <c r="A209" s="1">
        <v>208</v>
      </c>
      <c r="B209" s="1" t="s">
        <v>900</v>
      </c>
      <c r="C209" s="1" t="s">
        <v>394</v>
      </c>
      <c r="D209" s="1" t="s">
        <v>901</v>
      </c>
      <c r="E209" s="1" t="s">
        <v>17</v>
      </c>
      <c r="F209" s="1" t="s">
        <v>902</v>
      </c>
      <c r="G209" s="1" t="s">
        <v>349</v>
      </c>
      <c r="H209" s="1" t="s">
        <v>613</v>
      </c>
      <c r="I209" s="1"/>
      <c r="J209" s="1">
        <v>1</v>
      </c>
      <c r="K209" s="1"/>
      <c r="L209" s="1"/>
      <c r="M209" s="1">
        <v>1</v>
      </c>
      <c r="N209" s="1">
        <v>1</v>
      </c>
      <c r="O209" s="1">
        <v>35.380720599999997</v>
      </c>
      <c r="P209" s="1">
        <v>132.81921320000001</v>
      </c>
    </row>
    <row r="210" spans="1:16" ht="14.25" customHeight="1" x14ac:dyDescent="0.15">
      <c r="A210" s="1">
        <v>209</v>
      </c>
      <c r="B210" s="1" t="s">
        <v>903</v>
      </c>
      <c r="C210" s="1" t="s">
        <v>462</v>
      </c>
      <c r="D210" s="1" t="s">
        <v>904</v>
      </c>
      <c r="E210" s="1" t="s">
        <v>75</v>
      </c>
      <c r="F210" s="1" t="s">
        <v>905</v>
      </c>
      <c r="G210" s="1" t="s">
        <v>906</v>
      </c>
      <c r="H210" s="1" t="s">
        <v>907</v>
      </c>
      <c r="I210" s="1">
        <v>1</v>
      </c>
      <c r="J210" s="1">
        <v>1</v>
      </c>
      <c r="K210" s="1"/>
      <c r="L210" s="1"/>
      <c r="M210" s="1">
        <v>1</v>
      </c>
      <c r="N210" s="1">
        <v>1</v>
      </c>
      <c r="O210" s="1">
        <v>35.485782299999997</v>
      </c>
      <c r="P210" s="1">
        <v>133.0452248</v>
      </c>
    </row>
    <row r="211" spans="1:16" ht="14.25" customHeight="1" x14ac:dyDescent="0.15">
      <c r="A211" s="1">
        <v>210</v>
      </c>
      <c r="B211" s="1" t="s">
        <v>908</v>
      </c>
      <c r="C211" s="1" t="s">
        <v>462</v>
      </c>
      <c r="D211" s="1" t="s">
        <v>904</v>
      </c>
      <c r="E211" s="1" t="s">
        <v>75</v>
      </c>
      <c r="F211" s="1" t="s">
        <v>905</v>
      </c>
      <c r="G211" s="1" t="s">
        <v>77</v>
      </c>
      <c r="H211" s="1" t="s">
        <v>909</v>
      </c>
      <c r="I211" s="1">
        <v>1</v>
      </c>
      <c r="J211" s="1">
        <v>1</v>
      </c>
      <c r="K211" s="1"/>
      <c r="L211" s="1"/>
      <c r="M211" s="1">
        <v>1</v>
      </c>
      <c r="N211" s="1">
        <v>1</v>
      </c>
      <c r="O211" s="1">
        <v>35.485782299999997</v>
      </c>
      <c r="P211" s="1">
        <v>133.0452248</v>
      </c>
    </row>
    <row r="212" spans="1:16" ht="14.25" customHeight="1" x14ac:dyDescent="0.15">
      <c r="A212" s="1">
        <v>211</v>
      </c>
      <c r="B212" s="1" t="s">
        <v>910</v>
      </c>
      <c r="C212" s="1" t="s">
        <v>911</v>
      </c>
      <c r="D212" s="1" t="s">
        <v>912</v>
      </c>
      <c r="E212" s="1" t="s">
        <v>75</v>
      </c>
      <c r="F212" s="1" t="s">
        <v>913</v>
      </c>
      <c r="G212" s="1" t="s">
        <v>914</v>
      </c>
      <c r="H212" s="1" t="s">
        <v>915</v>
      </c>
      <c r="I212" s="1"/>
      <c r="J212" s="1">
        <v>1</v>
      </c>
      <c r="K212" s="1"/>
      <c r="L212" s="1"/>
      <c r="M212" s="1">
        <v>1</v>
      </c>
      <c r="N212" s="1">
        <v>1</v>
      </c>
      <c r="O212" s="1">
        <v>35.466073799999997</v>
      </c>
      <c r="P212" s="1">
        <v>133.05438570000001</v>
      </c>
    </row>
    <row r="213" spans="1:16" ht="14.25" customHeight="1" x14ac:dyDescent="0.15">
      <c r="A213" s="1">
        <v>212</v>
      </c>
      <c r="B213" s="1" t="s">
        <v>916</v>
      </c>
      <c r="C213" s="1" t="s">
        <v>917</v>
      </c>
      <c r="D213" s="1" t="s">
        <v>918</v>
      </c>
      <c r="E213" s="1" t="s">
        <v>75</v>
      </c>
      <c r="F213" s="1" t="s">
        <v>919</v>
      </c>
      <c r="G213" s="1" t="s">
        <v>920</v>
      </c>
      <c r="H213" s="1" t="s">
        <v>921</v>
      </c>
      <c r="I213" s="1">
        <v>1</v>
      </c>
      <c r="J213" s="1">
        <v>1</v>
      </c>
      <c r="K213" s="1"/>
      <c r="L213" s="1"/>
      <c r="M213" s="1">
        <v>1</v>
      </c>
      <c r="N213" s="1">
        <v>1</v>
      </c>
      <c r="O213" s="1">
        <v>35.4769614</v>
      </c>
      <c r="P213" s="1">
        <v>133.0544103</v>
      </c>
    </row>
    <row r="214" spans="1:16" ht="14.25" customHeight="1" x14ac:dyDescent="0.15">
      <c r="A214" s="1">
        <v>213</v>
      </c>
      <c r="B214" s="1" t="s">
        <v>922</v>
      </c>
      <c r="C214" s="1" t="s">
        <v>163</v>
      </c>
      <c r="D214" s="1" t="s">
        <v>923</v>
      </c>
      <c r="E214" s="1" t="s">
        <v>75</v>
      </c>
      <c r="F214" s="1" t="s">
        <v>924</v>
      </c>
      <c r="G214" s="1" t="s">
        <v>920</v>
      </c>
      <c r="H214" s="1" t="s">
        <v>925</v>
      </c>
      <c r="I214" s="1"/>
      <c r="J214" s="1">
        <v>1</v>
      </c>
      <c r="K214" s="1"/>
      <c r="L214" s="1"/>
      <c r="M214" s="1">
        <v>1</v>
      </c>
      <c r="N214" s="1">
        <v>1</v>
      </c>
      <c r="O214" s="1">
        <v>35.473020499999997</v>
      </c>
      <c r="P214" s="1">
        <v>133.0642679</v>
      </c>
    </row>
    <row r="215" spans="1:16" ht="14.25" customHeight="1" x14ac:dyDescent="0.15">
      <c r="A215" s="1">
        <v>214</v>
      </c>
      <c r="B215" s="1" t="s">
        <v>926</v>
      </c>
      <c r="C215" s="1" t="s">
        <v>597</v>
      </c>
      <c r="D215" s="1" t="s">
        <v>927</v>
      </c>
      <c r="E215" s="1" t="s">
        <v>104</v>
      </c>
      <c r="F215" s="1" t="s">
        <v>924</v>
      </c>
      <c r="G215" s="1" t="s">
        <v>920</v>
      </c>
      <c r="H215" s="1" t="s">
        <v>925</v>
      </c>
      <c r="I215" s="1"/>
      <c r="J215" s="1">
        <v>1</v>
      </c>
      <c r="K215" s="1"/>
      <c r="L215" s="1"/>
      <c r="M215" s="1">
        <v>1</v>
      </c>
      <c r="N215" s="1">
        <v>1</v>
      </c>
      <c r="O215" s="1">
        <v>34.676805799999997</v>
      </c>
      <c r="P215" s="1">
        <v>131.8391317</v>
      </c>
    </row>
    <row r="216" spans="1:16" ht="14.25" customHeight="1" x14ac:dyDescent="0.15">
      <c r="A216" s="1">
        <v>215</v>
      </c>
      <c r="B216" s="1" t="s">
        <v>928</v>
      </c>
      <c r="C216" s="1" t="s">
        <v>597</v>
      </c>
      <c r="D216" s="1" t="s">
        <v>929</v>
      </c>
      <c r="E216" s="1" t="s">
        <v>104</v>
      </c>
      <c r="F216" s="1" t="s">
        <v>930</v>
      </c>
      <c r="G216" s="1" t="s">
        <v>920</v>
      </c>
      <c r="H216" s="1" t="s">
        <v>925</v>
      </c>
      <c r="I216" s="1">
        <v>1</v>
      </c>
      <c r="J216" s="1"/>
      <c r="K216" s="1"/>
      <c r="L216" s="1"/>
      <c r="M216" s="1">
        <v>1</v>
      </c>
      <c r="N216" s="1">
        <v>1</v>
      </c>
      <c r="O216" s="1">
        <v>35.445146000000001</v>
      </c>
      <c r="P216" s="1">
        <v>133.07424900000001</v>
      </c>
    </row>
    <row r="217" spans="1:16" ht="14.25" customHeight="1" x14ac:dyDescent="0.15">
      <c r="A217" s="1">
        <v>216</v>
      </c>
      <c r="B217" s="1" t="s">
        <v>931</v>
      </c>
      <c r="C217" s="1" t="s">
        <v>932</v>
      </c>
      <c r="D217" s="1" t="s">
        <v>933</v>
      </c>
      <c r="E217" s="1" t="s">
        <v>75</v>
      </c>
      <c r="F217" s="1" t="s">
        <v>934</v>
      </c>
      <c r="G217" s="1" t="s">
        <v>920</v>
      </c>
      <c r="H217" s="1" t="s">
        <v>925</v>
      </c>
      <c r="I217" s="1">
        <v>1</v>
      </c>
      <c r="J217" s="1"/>
      <c r="K217" s="1"/>
      <c r="L217" s="1"/>
      <c r="M217" s="1">
        <v>1</v>
      </c>
      <c r="N217" s="1">
        <v>1</v>
      </c>
      <c r="O217" s="1">
        <v>35.3676271</v>
      </c>
      <c r="P217" s="1">
        <v>133.17453649999999</v>
      </c>
    </row>
    <row r="218" spans="1:16" ht="14.25" customHeight="1" x14ac:dyDescent="0.15">
      <c r="A218" s="1">
        <v>217</v>
      </c>
      <c r="B218" s="1" t="s">
        <v>935</v>
      </c>
      <c r="C218" s="1" t="s">
        <v>240</v>
      </c>
      <c r="D218" s="1" t="s">
        <v>936</v>
      </c>
      <c r="E218" s="1" t="s">
        <v>75</v>
      </c>
      <c r="F218" s="1" t="s">
        <v>934</v>
      </c>
      <c r="G218" s="1" t="s">
        <v>920</v>
      </c>
      <c r="H218" s="1" t="s">
        <v>925</v>
      </c>
      <c r="I218" s="1">
        <v>1</v>
      </c>
      <c r="J218" s="1"/>
      <c r="K218" s="1"/>
      <c r="L218" s="1"/>
      <c r="M218" s="1">
        <v>1</v>
      </c>
      <c r="N218" s="1">
        <v>1</v>
      </c>
      <c r="O218" s="1">
        <v>35.426775999999997</v>
      </c>
      <c r="P218" s="1">
        <v>133.24686829999999</v>
      </c>
    </row>
    <row r="219" spans="1:16" ht="14.25" customHeight="1" x14ac:dyDescent="0.15">
      <c r="A219" s="1">
        <v>218</v>
      </c>
      <c r="B219" s="1" t="s">
        <v>937</v>
      </c>
      <c r="C219" s="1" t="s">
        <v>938</v>
      </c>
      <c r="D219" s="1" t="s">
        <v>939</v>
      </c>
      <c r="E219" s="1" t="s">
        <v>159</v>
      </c>
      <c r="F219" s="1" t="s">
        <v>940</v>
      </c>
      <c r="G219" s="1" t="s">
        <v>920</v>
      </c>
      <c r="H219" s="1" t="s">
        <v>925</v>
      </c>
      <c r="I219" s="1">
        <v>1</v>
      </c>
      <c r="J219" s="1"/>
      <c r="K219" s="1"/>
      <c r="L219" s="1"/>
      <c r="M219" s="1">
        <v>1</v>
      </c>
      <c r="N219" s="1">
        <v>1</v>
      </c>
      <c r="O219" s="1">
        <v>34.854074400000002</v>
      </c>
      <c r="P219" s="1">
        <v>132.51873979999999</v>
      </c>
    </row>
    <row r="220" spans="1:16" ht="14.25" customHeight="1" x14ac:dyDescent="0.15">
      <c r="A220" s="1">
        <v>219</v>
      </c>
      <c r="B220" s="1" t="s">
        <v>941</v>
      </c>
      <c r="C220" s="1" t="s">
        <v>942</v>
      </c>
      <c r="D220" s="1" t="s">
        <v>943</v>
      </c>
      <c r="E220" s="1" t="s">
        <v>104</v>
      </c>
      <c r="F220" s="1" t="s">
        <v>944</v>
      </c>
      <c r="G220" s="1" t="s">
        <v>920</v>
      </c>
      <c r="H220" s="1" t="s">
        <v>925</v>
      </c>
      <c r="I220" s="1">
        <v>1</v>
      </c>
      <c r="J220" s="1"/>
      <c r="K220" s="1"/>
      <c r="L220" s="1"/>
      <c r="M220" s="1">
        <v>1</v>
      </c>
      <c r="N220" s="1">
        <v>1</v>
      </c>
      <c r="O220" s="1">
        <v>34.625633399999998</v>
      </c>
      <c r="P220" s="1">
        <v>131.80706380000001</v>
      </c>
    </row>
    <row r="221" spans="1:16" ht="14.25" customHeight="1" x14ac:dyDescent="0.15">
      <c r="A221" s="1">
        <v>220</v>
      </c>
      <c r="B221" s="1" t="s">
        <v>945</v>
      </c>
      <c r="C221" s="1" t="s">
        <v>198</v>
      </c>
      <c r="D221" s="1" t="s">
        <v>946</v>
      </c>
      <c r="E221" s="1" t="s">
        <v>159</v>
      </c>
      <c r="F221" s="1" t="s">
        <v>944</v>
      </c>
      <c r="G221" s="1" t="s">
        <v>920</v>
      </c>
      <c r="H221" s="1" t="s">
        <v>925</v>
      </c>
      <c r="I221" s="1">
        <v>1</v>
      </c>
      <c r="J221" s="1">
        <v>1</v>
      </c>
      <c r="K221" s="1"/>
      <c r="L221" s="1"/>
      <c r="M221" s="1">
        <v>1</v>
      </c>
      <c r="N221" s="1">
        <v>1</v>
      </c>
      <c r="O221" s="1">
        <v>35.195192200000001</v>
      </c>
      <c r="P221" s="1">
        <v>132.50440380000001</v>
      </c>
    </row>
    <row r="222" spans="1:16" ht="14.25" customHeight="1" x14ac:dyDescent="0.15">
      <c r="A222" s="1">
        <v>221</v>
      </c>
      <c r="B222" s="1" t="s">
        <v>947</v>
      </c>
      <c r="C222" s="1" t="s">
        <v>948</v>
      </c>
      <c r="D222" s="1" t="s">
        <v>949</v>
      </c>
      <c r="E222" s="1" t="s">
        <v>75</v>
      </c>
      <c r="F222" s="1" t="s">
        <v>944</v>
      </c>
      <c r="G222" s="1" t="s">
        <v>920</v>
      </c>
      <c r="H222" s="1" t="s">
        <v>925</v>
      </c>
      <c r="I222" s="1">
        <v>1</v>
      </c>
      <c r="J222" s="1">
        <v>1</v>
      </c>
      <c r="K222" s="1"/>
      <c r="L222" s="1"/>
      <c r="M222" s="1">
        <v>1</v>
      </c>
      <c r="N222" s="1">
        <v>1</v>
      </c>
      <c r="O222" s="1">
        <v>35.459308</v>
      </c>
      <c r="P222" s="1">
        <v>133.05683289999999</v>
      </c>
    </row>
    <row r="223" spans="1:16" ht="14.25" customHeight="1" x14ac:dyDescent="0.15">
      <c r="A223" s="1">
        <v>222</v>
      </c>
      <c r="B223" s="1" t="s">
        <v>950</v>
      </c>
      <c r="C223" s="1" t="s">
        <v>462</v>
      </c>
      <c r="D223" s="1" t="s">
        <v>951</v>
      </c>
      <c r="E223" s="1" t="s">
        <v>75</v>
      </c>
      <c r="F223" s="1" t="s">
        <v>952</v>
      </c>
      <c r="G223" s="1" t="s">
        <v>920</v>
      </c>
      <c r="H223" s="1" t="s">
        <v>925</v>
      </c>
      <c r="I223" s="1">
        <v>1</v>
      </c>
      <c r="J223" s="1">
        <v>1</v>
      </c>
      <c r="K223" s="1"/>
      <c r="L223" s="1"/>
      <c r="M223" s="1">
        <v>1</v>
      </c>
      <c r="N223" s="1">
        <v>1</v>
      </c>
      <c r="O223" s="1">
        <v>35.486618200000002</v>
      </c>
      <c r="P223" s="1">
        <v>133.04278890000001</v>
      </c>
    </row>
    <row r="224" spans="1:16" ht="14.25" customHeight="1" x14ac:dyDescent="0.15">
      <c r="A224" s="1">
        <v>223</v>
      </c>
      <c r="B224" s="1" t="s">
        <v>953</v>
      </c>
      <c r="C224" s="1" t="s">
        <v>911</v>
      </c>
      <c r="D224" s="1" t="s">
        <v>912</v>
      </c>
      <c r="E224" s="1" t="s">
        <v>75</v>
      </c>
      <c r="F224" s="1" t="s">
        <v>954</v>
      </c>
      <c r="G224" s="1" t="s">
        <v>920</v>
      </c>
      <c r="H224" s="1" t="s">
        <v>925</v>
      </c>
      <c r="I224" s="1">
        <v>1</v>
      </c>
      <c r="J224" s="1">
        <v>1</v>
      </c>
      <c r="K224" s="1"/>
      <c r="L224" s="1"/>
      <c r="M224" s="1">
        <v>1</v>
      </c>
      <c r="N224" s="1">
        <v>1</v>
      </c>
      <c r="O224" s="1">
        <v>35.466073799999997</v>
      </c>
      <c r="P224" s="1">
        <v>133.05438570000001</v>
      </c>
    </row>
    <row r="225" spans="1:16" ht="14.25" customHeight="1" x14ac:dyDescent="0.15">
      <c r="A225" s="1">
        <v>224</v>
      </c>
      <c r="B225" s="1" t="s">
        <v>955</v>
      </c>
      <c r="C225" s="1" t="s">
        <v>730</v>
      </c>
      <c r="D225" s="1" t="s">
        <v>956</v>
      </c>
      <c r="E225" s="1" t="s">
        <v>17</v>
      </c>
      <c r="F225" s="1" t="s">
        <v>957</v>
      </c>
      <c r="G225" s="1" t="s">
        <v>45</v>
      </c>
      <c r="H225" s="1" t="s">
        <v>837</v>
      </c>
      <c r="I225" s="1">
        <v>1</v>
      </c>
      <c r="J225" s="1"/>
      <c r="K225" s="1"/>
      <c r="L225" s="1"/>
      <c r="M225" s="1">
        <v>1</v>
      </c>
      <c r="N225" s="1">
        <v>1</v>
      </c>
      <c r="O225" s="1">
        <v>35.345686600000001</v>
      </c>
      <c r="P225" s="1">
        <v>132.72090470000001</v>
      </c>
    </row>
    <row r="226" spans="1:16" ht="14.25" customHeight="1" x14ac:dyDescent="0.15">
      <c r="A226" s="1">
        <v>225</v>
      </c>
      <c r="B226" s="1" t="s">
        <v>958</v>
      </c>
      <c r="C226" s="1" t="s">
        <v>959</v>
      </c>
      <c r="D226" s="1" t="s">
        <v>960</v>
      </c>
      <c r="E226" s="1" t="s">
        <v>132</v>
      </c>
      <c r="F226" s="1" t="s">
        <v>961</v>
      </c>
      <c r="G226" s="1" t="s">
        <v>45</v>
      </c>
      <c r="H226" s="1" t="s">
        <v>962</v>
      </c>
      <c r="I226" s="1">
        <v>1</v>
      </c>
      <c r="J226" s="1"/>
      <c r="K226" s="1"/>
      <c r="L226" s="1"/>
      <c r="M226" s="1">
        <v>1</v>
      </c>
      <c r="N226" s="1">
        <v>1</v>
      </c>
      <c r="O226" s="1">
        <v>34.868138000000002</v>
      </c>
      <c r="P226" s="1">
        <v>132.0397457</v>
      </c>
    </row>
    <row r="227" spans="1:16" ht="14.25" customHeight="1" x14ac:dyDescent="0.15">
      <c r="A227" s="1">
        <v>226</v>
      </c>
      <c r="B227" s="1" t="s">
        <v>963</v>
      </c>
      <c r="C227" s="1" t="s">
        <v>696</v>
      </c>
      <c r="D227" s="1" t="s">
        <v>964</v>
      </c>
      <c r="E227" s="1" t="s">
        <v>17</v>
      </c>
      <c r="F227" s="1" t="s">
        <v>965</v>
      </c>
      <c r="G227" s="1" t="s">
        <v>45</v>
      </c>
      <c r="H227" s="1" t="s">
        <v>837</v>
      </c>
      <c r="I227" s="1">
        <v>1</v>
      </c>
      <c r="J227" s="1"/>
      <c r="K227" s="1"/>
      <c r="L227" s="1"/>
      <c r="M227" s="1">
        <v>1</v>
      </c>
      <c r="N227" s="1">
        <v>1</v>
      </c>
      <c r="O227" s="1">
        <v>35.383199900000001</v>
      </c>
      <c r="P227" s="1">
        <v>132.75757200000001</v>
      </c>
    </row>
    <row r="228" spans="1:16" ht="14.25" customHeight="1" x14ac:dyDescent="0.15">
      <c r="A228" s="1">
        <v>227</v>
      </c>
      <c r="B228" s="1" t="s">
        <v>966</v>
      </c>
      <c r="C228" s="1" t="s">
        <v>967</v>
      </c>
      <c r="D228" s="1" t="s">
        <v>968</v>
      </c>
      <c r="E228" s="1" t="s">
        <v>75</v>
      </c>
      <c r="F228" s="1" t="s">
        <v>969</v>
      </c>
      <c r="G228" s="1" t="s">
        <v>45</v>
      </c>
      <c r="H228" s="1" t="s">
        <v>962</v>
      </c>
      <c r="I228" s="1"/>
      <c r="J228" s="1">
        <v>1</v>
      </c>
      <c r="K228" s="1"/>
      <c r="L228" s="1"/>
      <c r="M228" s="1">
        <v>1</v>
      </c>
      <c r="N228" s="1">
        <v>1</v>
      </c>
      <c r="O228" s="1">
        <v>35.433530900000001</v>
      </c>
      <c r="P228" s="1">
        <v>133.2347771</v>
      </c>
    </row>
    <row r="229" spans="1:16" ht="14.25" customHeight="1" x14ac:dyDescent="0.15">
      <c r="A229" s="1">
        <v>228</v>
      </c>
      <c r="B229" s="1" t="s">
        <v>970</v>
      </c>
      <c r="C229" s="1" t="s">
        <v>967</v>
      </c>
      <c r="D229" s="1" t="s">
        <v>968</v>
      </c>
      <c r="E229" s="1" t="s">
        <v>75</v>
      </c>
      <c r="F229" s="1" t="s">
        <v>971</v>
      </c>
      <c r="G229" s="1" t="s">
        <v>45</v>
      </c>
      <c r="H229" s="1" t="s">
        <v>962</v>
      </c>
      <c r="I229" s="1"/>
      <c r="J229" s="1">
        <v>1</v>
      </c>
      <c r="K229" s="1"/>
      <c r="L229" s="1"/>
      <c r="M229" s="1">
        <v>1</v>
      </c>
      <c r="N229" s="1">
        <v>1</v>
      </c>
      <c r="O229" s="1">
        <v>35.433530900000001</v>
      </c>
      <c r="P229" s="1">
        <v>133.2347771</v>
      </c>
    </row>
    <row r="230" spans="1:16" ht="14.25" customHeight="1" x14ac:dyDescent="0.15">
      <c r="A230" s="1">
        <v>229</v>
      </c>
      <c r="B230" s="1" t="s">
        <v>972</v>
      </c>
      <c r="C230" s="1" t="s">
        <v>37</v>
      </c>
      <c r="D230" s="1" t="s">
        <v>973</v>
      </c>
      <c r="E230" s="1" t="s">
        <v>17</v>
      </c>
      <c r="F230" s="1" t="s">
        <v>974</v>
      </c>
      <c r="G230" s="1" t="s">
        <v>45</v>
      </c>
      <c r="H230" s="1" t="s">
        <v>962</v>
      </c>
      <c r="I230" s="1">
        <v>1</v>
      </c>
      <c r="J230" s="1">
        <v>1</v>
      </c>
      <c r="K230" s="1"/>
      <c r="L230" s="1"/>
      <c r="M230" s="1">
        <v>1</v>
      </c>
      <c r="N230" s="1">
        <v>1</v>
      </c>
      <c r="O230" s="1">
        <v>35.372233899999998</v>
      </c>
      <c r="P230" s="1">
        <v>132.7359774</v>
      </c>
    </row>
    <row r="231" spans="1:16" ht="14.25" customHeight="1" x14ac:dyDescent="0.15">
      <c r="A231" s="1">
        <v>230</v>
      </c>
      <c r="B231" s="1" t="s">
        <v>975</v>
      </c>
      <c r="C231" s="1" t="s">
        <v>198</v>
      </c>
      <c r="D231" s="1" t="s">
        <v>976</v>
      </c>
      <c r="E231" s="1" t="s">
        <v>159</v>
      </c>
      <c r="F231" s="1" t="s">
        <v>236</v>
      </c>
      <c r="G231" s="1"/>
      <c r="H231" s="1" t="s">
        <v>820</v>
      </c>
      <c r="I231" s="1">
        <v>1</v>
      </c>
      <c r="J231" s="1">
        <v>1</v>
      </c>
      <c r="K231" s="1"/>
      <c r="L231" s="1"/>
      <c r="M231" s="1">
        <v>1</v>
      </c>
      <c r="N231" s="1">
        <v>1</v>
      </c>
      <c r="O231" s="1">
        <v>35.1997888</v>
      </c>
      <c r="P231" s="1">
        <v>132.50003480000001</v>
      </c>
    </row>
    <row r="232" spans="1:16" ht="14.25" customHeight="1" x14ac:dyDescent="0.15">
      <c r="A232" s="1">
        <v>231</v>
      </c>
      <c r="B232" s="1" t="s">
        <v>977</v>
      </c>
      <c r="C232" s="1" t="s">
        <v>15</v>
      </c>
      <c r="D232" s="1" t="s">
        <v>978</v>
      </c>
      <c r="E232" s="1" t="s">
        <v>17</v>
      </c>
      <c r="F232" s="1" t="s">
        <v>979</v>
      </c>
      <c r="G232" s="1" t="s">
        <v>19</v>
      </c>
      <c r="H232" s="1" t="s">
        <v>980</v>
      </c>
      <c r="I232" s="1">
        <v>1</v>
      </c>
      <c r="J232" s="1"/>
      <c r="K232" s="1"/>
      <c r="L232" s="1"/>
      <c r="M232" s="1">
        <v>1</v>
      </c>
      <c r="N232" s="1">
        <v>1</v>
      </c>
      <c r="O232" s="1">
        <v>35.440542200000003</v>
      </c>
      <c r="P232" s="1">
        <v>132.8233711</v>
      </c>
    </row>
    <row r="233" spans="1:16" ht="14.25" customHeight="1" x14ac:dyDescent="0.15">
      <c r="A233" s="1">
        <v>232</v>
      </c>
      <c r="B233" s="1" t="s">
        <v>981</v>
      </c>
      <c r="C233" s="1" t="s">
        <v>982</v>
      </c>
      <c r="D233" s="1" t="s">
        <v>983</v>
      </c>
      <c r="E233" s="1" t="s">
        <v>54</v>
      </c>
      <c r="F233" s="1" t="s">
        <v>984</v>
      </c>
      <c r="G233" s="1" t="s">
        <v>45</v>
      </c>
      <c r="H233" s="1" t="s">
        <v>985</v>
      </c>
      <c r="I233" s="1">
        <v>1</v>
      </c>
      <c r="J233" s="1"/>
      <c r="K233" s="1"/>
      <c r="L233" s="1"/>
      <c r="M233" s="1">
        <v>1</v>
      </c>
      <c r="N233" s="1">
        <v>1</v>
      </c>
      <c r="O233" s="1">
        <v>35.187647800000001</v>
      </c>
      <c r="P233" s="1">
        <v>133.0165858</v>
      </c>
    </row>
    <row r="234" spans="1:16" ht="14.25" customHeight="1" x14ac:dyDescent="0.15">
      <c r="A234" s="1">
        <v>233</v>
      </c>
      <c r="B234" s="1" t="s">
        <v>986</v>
      </c>
      <c r="C234" s="1" t="s">
        <v>987</v>
      </c>
      <c r="D234" s="1" t="s">
        <v>988</v>
      </c>
      <c r="E234" s="1" t="s">
        <v>159</v>
      </c>
      <c r="F234" s="1" t="s">
        <v>989</v>
      </c>
      <c r="G234" s="1" t="s">
        <v>45</v>
      </c>
      <c r="H234" s="1" t="s">
        <v>223</v>
      </c>
      <c r="I234" s="1">
        <v>1</v>
      </c>
      <c r="J234" s="1"/>
      <c r="K234" s="1">
        <v>1</v>
      </c>
      <c r="L234" s="1">
        <v>1</v>
      </c>
      <c r="M234" s="1">
        <v>1</v>
      </c>
      <c r="N234" s="1">
        <v>1</v>
      </c>
      <c r="O234" s="1">
        <v>35.090803399999999</v>
      </c>
      <c r="P234" s="1">
        <v>132.3531643</v>
      </c>
    </row>
    <row r="235" spans="1:16" ht="14.25" customHeight="1" x14ac:dyDescent="0.15">
      <c r="A235" s="1">
        <v>234</v>
      </c>
      <c r="B235" s="1" t="s">
        <v>990</v>
      </c>
      <c r="C235" s="1" t="s">
        <v>204</v>
      </c>
      <c r="D235" s="1" t="s">
        <v>991</v>
      </c>
      <c r="E235" s="1" t="s">
        <v>159</v>
      </c>
      <c r="F235" s="1" t="s">
        <v>992</v>
      </c>
      <c r="G235" s="1" t="s">
        <v>993</v>
      </c>
      <c r="H235" s="1" t="s">
        <v>223</v>
      </c>
      <c r="I235" s="1">
        <v>1</v>
      </c>
      <c r="J235" s="1"/>
      <c r="K235" s="1">
        <v>1</v>
      </c>
      <c r="L235" s="1">
        <v>1</v>
      </c>
      <c r="M235" s="1">
        <v>1</v>
      </c>
      <c r="N235" s="1">
        <v>1</v>
      </c>
      <c r="O235" s="1">
        <v>35.1490863</v>
      </c>
      <c r="P235" s="1">
        <v>132.40643900000001</v>
      </c>
    </row>
    <row r="236" spans="1:16" ht="14.25" customHeight="1" x14ac:dyDescent="0.15">
      <c r="A236" s="1">
        <v>235</v>
      </c>
      <c r="B236" s="1" t="s">
        <v>994</v>
      </c>
      <c r="C236" s="1" t="s">
        <v>995</v>
      </c>
      <c r="D236" s="1" t="s">
        <v>996</v>
      </c>
      <c r="E236" s="1" t="s">
        <v>159</v>
      </c>
      <c r="F236" s="1" t="s">
        <v>997</v>
      </c>
      <c r="G236" s="1" t="s">
        <v>365</v>
      </c>
      <c r="H236" s="1" t="s">
        <v>998</v>
      </c>
      <c r="I236" s="1">
        <v>1</v>
      </c>
      <c r="J236" s="1"/>
      <c r="K236" s="1">
        <v>1</v>
      </c>
      <c r="L236" s="1">
        <v>1</v>
      </c>
      <c r="M236" s="1">
        <v>1</v>
      </c>
      <c r="N236" s="1">
        <v>1</v>
      </c>
      <c r="O236" s="1">
        <v>35.180365999999999</v>
      </c>
      <c r="P236" s="1">
        <v>132.5036983</v>
      </c>
    </row>
    <row r="237" spans="1:16" ht="14.25" customHeight="1" x14ac:dyDescent="0.15">
      <c r="A237" s="1">
        <v>236</v>
      </c>
      <c r="B237" s="1" t="s">
        <v>999</v>
      </c>
      <c r="C237" s="1" t="s">
        <v>410</v>
      </c>
      <c r="D237" s="1" t="s">
        <v>1000</v>
      </c>
      <c r="E237" s="1" t="s">
        <v>75</v>
      </c>
      <c r="F237" s="1" t="s">
        <v>1001</v>
      </c>
      <c r="G237" s="1" t="s">
        <v>472</v>
      </c>
      <c r="H237" s="1" t="s">
        <v>1002</v>
      </c>
      <c r="I237" s="1">
        <v>1</v>
      </c>
      <c r="J237" s="1"/>
      <c r="K237" s="1">
        <v>1</v>
      </c>
      <c r="L237" s="1"/>
      <c r="M237" s="1">
        <v>1</v>
      </c>
      <c r="N237" s="1">
        <v>1</v>
      </c>
      <c r="O237" s="1">
        <v>35.445384799999999</v>
      </c>
      <c r="P237" s="1">
        <v>133.0671715</v>
      </c>
    </row>
    <row r="238" spans="1:16" ht="14.25" customHeight="1" x14ac:dyDescent="0.15">
      <c r="A238" s="1">
        <v>237</v>
      </c>
      <c r="B238" s="1" t="s">
        <v>1003</v>
      </c>
      <c r="C238" s="1" t="s">
        <v>173</v>
      </c>
      <c r="D238" s="1" t="s">
        <v>1004</v>
      </c>
      <c r="E238" s="1" t="s">
        <v>75</v>
      </c>
      <c r="F238" s="1" t="s">
        <v>1005</v>
      </c>
      <c r="G238" s="1" t="s">
        <v>431</v>
      </c>
      <c r="H238" s="1" t="s">
        <v>1006</v>
      </c>
      <c r="I238" s="1">
        <v>1</v>
      </c>
      <c r="J238" s="1">
        <v>1</v>
      </c>
      <c r="K238" s="1">
        <v>1</v>
      </c>
      <c r="L238" s="1"/>
      <c r="M238" s="1">
        <v>1</v>
      </c>
      <c r="N238" s="1">
        <v>1</v>
      </c>
      <c r="O238" s="1">
        <v>35.454614599999999</v>
      </c>
      <c r="P238" s="1">
        <v>133.08142559999999</v>
      </c>
    </row>
    <row r="239" spans="1:16" ht="14.25" customHeight="1" x14ac:dyDescent="0.15">
      <c r="A239" s="1">
        <v>238</v>
      </c>
      <c r="B239" s="1" t="s">
        <v>1007</v>
      </c>
      <c r="C239" s="1" t="s">
        <v>1008</v>
      </c>
      <c r="D239" s="1" t="s">
        <v>1009</v>
      </c>
      <c r="E239" s="1" t="s">
        <v>104</v>
      </c>
      <c r="F239" s="1" t="s">
        <v>1010</v>
      </c>
      <c r="G239" s="1" t="s">
        <v>431</v>
      </c>
      <c r="H239" s="1" t="s">
        <v>613</v>
      </c>
      <c r="I239" s="1">
        <v>1</v>
      </c>
      <c r="J239" s="1">
        <v>1</v>
      </c>
      <c r="K239" s="1"/>
      <c r="L239" s="1"/>
      <c r="M239" s="1">
        <v>1</v>
      </c>
      <c r="N239" s="1">
        <v>1</v>
      </c>
      <c r="O239" s="1">
        <v>34.683283000000003</v>
      </c>
      <c r="P239" s="1">
        <v>131.84138100000001</v>
      </c>
    </row>
    <row r="240" spans="1:16" ht="14.25" customHeight="1" x14ac:dyDescent="0.15">
      <c r="A240" s="1">
        <v>239</v>
      </c>
      <c r="B240" s="1" t="s">
        <v>1011</v>
      </c>
      <c r="C240" s="1" t="s">
        <v>1012</v>
      </c>
      <c r="D240" s="1" t="s">
        <v>1013</v>
      </c>
      <c r="E240" s="1" t="s">
        <v>104</v>
      </c>
      <c r="F240" s="1" t="s">
        <v>1010</v>
      </c>
      <c r="G240" s="1" t="s">
        <v>431</v>
      </c>
      <c r="H240" s="1" t="s">
        <v>613</v>
      </c>
      <c r="I240" s="1">
        <v>1</v>
      </c>
      <c r="J240" s="1">
        <v>1</v>
      </c>
      <c r="K240" s="1"/>
      <c r="L240" s="1"/>
      <c r="M240" s="1">
        <v>1</v>
      </c>
      <c r="N240" s="1">
        <v>1</v>
      </c>
      <c r="O240" s="1">
        <v>34.679394500000001</v>
      </c>
      <c r="P240" s="1">
        <v>131.84265920000001</v>
      </c>
    </row>
    <row r="241" spans="1:16" ht="14.25" customHeight="1" x14ac:dyDescent="0.15">
      <c r="A241" s="1">
        <v>240</v>
      </c>
      <c r="B241" s="1" t="s">
        <v>1014</v>
      </c>
      <c r="C241" s="1" t="s">
        <v>1015</v>
      </c>
      <c r="D241" s="1" t="s">
        <v>1016</v>
      </c>
      <c r="E241" s="1" t="s">
        <v>104</v>
      </c>
      <c r="F241" s="1" t="s">
        <v>1010</v>
      </c>
      <c r="G241" s="1" t="s">
        <v>431</v>
      </c>
      <c r="H241" s="1" t="s">
        <v>613</v>
      </c>
      <c r="I241" s="1">
        <v>1</v>
      </c>
      <c r="J241" s="1">
        <v>1</v>
      </c>
      <c r="K241" s="1"/>
      <c r="L241" s="1"/>
      <c r="M241" s="1">
        <v>1</v>
      </c>
      <c r="N241" s="1">
        <v>1</v>
      </c>
      <c r="O241" s="1">
        <v>34.6821275</v>
      </c>
      <c r="P241" s="1">
        <v>131.8391566</v>
      </c>
    </row>
    <row r="242" spans="1:16" ht="14.25" customHeight="1" x14ac:dyDescent="0.15">
      <c r="A242" s="1">
        <v>241</v>
      </c>
      <c r="B242" s="1" t="s">
        <v>1017</v>
      </c>
      <c r="C242" s="1" t="s">
        <v>1015</v>
      </c>
      <c r="D242" s="1" t="s">
        <v>1018</v>
      </c>
      <c r="E242" s="1" t="s">
        <v>104</v>
      </c>
      <c r="F242" s="1" t="s">
        <v>1010</v>
      </c>
      <c r="G242" s="1" t="s">
        <v>431</v>
      </c>
      <c r="H242" s="1" t="s">
        <v>613</v>
      </c>
      <c r="I242" s="1">
        <v>1</v>
      </c>
      <c r="J242" s="1">
        <v>1</v>
      </c>
      <c r="K242" s="1"/>
      <c r="L242" s="1"/>
      <c r="M242" s="1">
        <v>1</v>
      </c>
      <c r="N242" s="1">
        <v>1</v>
      </c>
      <c r="O242" s="1">
        <v>34.6802943</v>
      </c>
      <c r="P242" s="1">
        <v>131.83794839999999</v>
      </c>
    </row>
    <row r="243" spans="1:16" ht="14.25" customHeight="1" x14ac:dyDescent="0.15">
      <c r="A243" s="1">
        <v>242</v>
      </c>
      <c r="B243" s="1" t="s">
        <v>1019</v>
      </c>
      <c r="C243" s="1" t="s">
        <v>1012</v>
      </c>
      <c r="D243" s="1" t="s">
        <v>1020</v>
      </c>
      <c r="E243" s="1" t="s">
        <v>104</v>
      </c>
      <c r="F243" s="1" t="s">
        <v>1021</v>
      </c>
      <c r="G243" s="1" t="s">
        <v>431</v>
      </c>
      <c r="H243" s="1" t="s">
        <v>613</v>
      </c>
      <c r="I243" s="1">
        <v>1</v>
      </c>
      <c r="J243" s="1">
        <v>1</v>
      </c>
      <c r="K243" s="1"/>
      <c r="L243" s="1"/>
      <c r="M243" s="1">
        <v>1</v>
      </c>
      <c r="N243" s="1">
        <v>1</v>
      </c>
      <c r="O243" s="1">
        <v>34.678233499999997</v>
      </c>
      <c r="P243" s="1">
        <v>131.8436174</v>
      </c>
    </row>
    <row r="244" spans="1:16" ht="14.25" customHeight="1" x14ac:dyDescent="0.15">
      <c r="A244" s="1">
        <v>243</v>
      </c>
      <c r="B244" s="1" t="s">
        <v>1022</v>
      </c>
      <c r="C244" s="1" t="s">
        <v>15</v>
      </c>
      <c r="D244" s="1" t="s">
        <v>1023</v>
      </c>
      <c r="E244" s="1" t="s">
        <v>17</v>
      </c>
      <c r="F244" s="1" t="s">
        <v>1021</v>
      </c>
      <c r="G244" s="1" t="s">
        <v>431</v>
      </c>
      <c r="H244" s="1" t="s">
        <v>1024</v>
      </c>
      <c r="I244" s="1">
        <v>1</v>
      </c>
      <c r="J244" s="1">
        <v>1</v>
      </c>
      <c r="K244" s="1"/>
      <c r="L244" s="1"/>
      <c r="M244" s="1">
        <v>1</v>
      </c>
      <c r="N244" s="1">
        <v>1</v>
      </c>
      <c r="O244" s="1">
        <v>35.434245599999997</v>
      </c>
      <c r="P244" s="1">
        <v>132.82372409999999</v>
      </c>
    </row>
    <row r="245" spans="1:16" ht="14.25" customHeight="1" x14ac:dyDescent="0.15">
      <c r="A245" s="1">
        <v>244</v>
      </c>
      <c r="B245" s="1" t="s">
        <v>1025</v>
      </c>
      <c r="C245" s="1" t="s">
        <v>1026</v>
      </c>
      <c r="D245" s="1" t="s">
        <v>1027</v>
      </c>
      <c r="E245" s="1" t="s">
        <v>75</v>
      </c>
      <c r="F245" s="1" t="s">
        <v>1028</v>
      </c>
      <c r="G245" s="1" t="s">
        <v>431</v>
      </c>
      <c r="H245" s="1" t="s">
        <v>1029</v>
      </c>
      <c r="I245" s="1"/>
      <c r="J245" s="1">
        <v>1</v>
      </c>
      <c r="K245" s="1"/>
      <c r="L245" s="1"/>
      <c r="M245" s="1">
        <v>1</v>
      </c>
      <c r="N245" s="1">
        <v>1</v>
      </c>
      <c r="O245" s="1">
        <v>35.397725000000001</v>
      </c>
      <c r="P245" s="1">
        <v>132.88663439999999</v>
      </c>
    </row>
    <row r="246" spans="1:16" ht="14.25" customHeight="1" x14ac:dyDescent="0.15">
      <c r="A246" s="1">
        <v>245</v>
      </c>
      <c r="B246" s="1" t="s">
        <v>1030</v>
      </c>
      <c r="C246" s="1" t="s">
        <v>410</v>
      </c>
      <c r="D246" s="1" t="s">
        <v>1031</v>
      </c>
      <c r="E246" s="1" t="s">
        <v>75</v>
      </c>
      <c r="F246" s="1" t="s">
        <v>1032</v>
      </c>
      <c r="G246" s="1" t="s">
        <v>431</v>
      </c>
      <c r="H246" s="1" t="s">
        <v>1033</v>
      </c>
      <c r="I246" s="1"/>
      <c r="J246" s="1">
        <v>1</v>
      </c>
      <c r="K246" s="1"/>
      <c r="L246" s="1"/>
      <c r="M246" s="1">
        <v>1</v>
      </c>
      <c r="N246" s="1">
        <v>1</v>
      </c>
      <c r="O246" s="1">
        <v>35.447781800000001</v>
      </c>
      <c r="P246" s="1">
        <v>133.06793250000001</v>
      </c>
    </row>
    <row r="247" spans="1:16" ht="14.25" customHeight="1" x14ac:dyDescent="0.15">
      <c r="A247" s="1">
        <v>246</v>
      </c>
      <c r="B247" s="1" t="s">
        <v>1034</v>
      </c>
      <c r="C247" s="1" t="s">
        <v>750</v>
      </c>
      <c r="D247" s="1" t="s">
        <v>1035</v>
      </c>
      <c r="E247" s="1" t="s">
        <v>159</v>
      </c>
      <c r="F247" s="1" t="s">
        <v>1028</v>
      </c>
      <c r="G247" s="1" t="s">
        <v>431</v>
      </c>
      <c r="H247" s="1" t="s">
        <v>591</v>
      </c>
      <c r="I247" s="1"/>
      <c r="J247" s="1">
        <v>1</v>
      </c>
      <c r="K247" s="1"/>
      <c r="L247" s="1"/>
      <c r="M247" s="1">
        <v>1</v>
      </c>
      <c r="N247" s="1">
        <v>1</v>
      </c>
      <c r="O247" s="1">
        <v>35.197597100000003</v>
      </c>
      <c r="P247" s="1">
        <v>132.48095040000001</v>
      </c>
    </row>
    <row r="248" spans="1:16" ht="14.25" customHeight="1" x14ac:dyDescent="0.15">
      <c r="A248" s="1">
        <v>247</v>
      </c>
      <c r="B248" s="1" t="s">
        <v>1036</v>
      </c>
      <c r="C248" s="1" t="s">
        <v>480</v>
      </c>
      <c r="D248" s="1" t="s">
        <v>1037</v>
      </c>
      <c r="E248" s="1" t="s">
        <v>17</v>
      </c>
      <c r="F248" s="1" t="s">
        <v>1038</v>
      </c>
      <c r="G248" s="1" t="s">
        <v>431</v>
      </c>
      <c r="H248" s="1" t="s">
        <v>46</v>
      </c>
      <c r="I248" s="1">
        <v>1</v>
      </c>
      <c r="J248" s="1">
        <v>1</v>
      </c>
      <c r="K248" s="1"/>
      <c r="L248" s="1"/>
      <c r="M248" s="1">
        <v>1</v>
      </c>
      <c r="N248" s="1">
        <v>1</v>
      </c>
      <c r="O248" s="1">
        <v>35.392349799999998</v>
      </c>
      <c r="P248" s="1">
        <v>132.8322144</v>
      </c>
    </row>
    <row r="249" spans="1:16" ht="14.25" customHeight="1" x14ac:dyDescent="0.15">
      <c r="A249" s="1">
        <v>248</v>
      </c>
      <c r="B249" s="1" t="s">
        <v>1039</v>
      </c>
      <c r="C249" s="1" t="s">
        <v>462</v>
      </c>
      <c r="D249" s="1" t="s">
        <v>1040</v>
      </c>
      <c r="E249" s="1" t="s">
        <v>75</v>
      </c>
      <c r="F249" s="1" t="s">
        <v>1041</v>
      </c>
      <c r="G249" s="1"/>
      <c r="H249" s="1" t="s">
        <v>120</v>
      </c>
      <c r="I249" s="1">
        <v>1</v>
      </c>
      <c r="J249" s="1">
        <v>1</v>
      </c>
      <c r="K249" s="1"/>
      <c r="L249" s="1"/>
      <c r="M249" s="1">
        <v>1</v>
      </c>
      <c r="N249" s="1">
        <v>1</v>
      </c>
      <c r="O249" s="1">
        <v>35.446876199999998</v>
      </c>
      <c r="P249" s="1">
        <v>133.06106629999999</v>
      </c>
    </row>
    <row r="250" spans="1:16" ht="14.25" customHeight="1" x14ac:dyDescent="0.15">
      <c r="A250" s="1">
        <v>249</v>
      </c>
      <c r="B250" s="1" t="s">
        <v>1042</v>
      </c>
      <c r="C250" s="1" t="s">
        <v>462</v>
      </c>
      <c r="D250" s="1" t="s">
        <v>1043</v>
      </c>
      <c r="E250" s="1" t="s">
        <v>75</v>
      </c>
      <c r="F250" s="1" t="s">
        <v>1044</v>
      </c>
      <c r="G250" s="1"/>
      <c r="H250" s="1" t="s">
        <v>120</v>
      </c>
      <c r="I250" s="1"/>
      <c r="J250" s="1">
        <v>1</v>
      </c>
      <c r="K250" s="1"/>
      <c r="L250" s="1"/>
      <c r="M250" s="1">
        <v>1</v>
      </c>
      <c r="N250" s="1">
        <v>1</v>
      </c>
      <c r="O250" s="1">
        <v>35.485568399999998</v>
      </c>
      <c r="P250" s="1">
        <v>133.04253610000001</v>
      </c>
    </row>
    <row r="251" spans="1:16" ht="14.25" customHeight="1" x14ac:dyDescent="0.15">
      <c r="A251" s="1">
        <v>250</v>
      </c>
      <c r="B251" s="1" t="s">
        <v>1045</v>
      </c>
      <c r="C251" s="1" t="s">
        <v>333</v>
      </c>
      <c r="D251" s="1" t="s">
        <v>1046</v>
      </c>
      <c r="E251" s="1" t="s">
        <v>75</v>
      </c>
      <c r="F251" s="1" t="s">
        <v>1047</v>
      </c>
      <c r="G251" s="1"/>
      <c r="H251" s="1" t="s">
        <v>120</v>
      </c>
      <c r="I251" s="1"/>
      <c r="J251" s="1">
        <v>1</v>
      </c>
      <c r="K251" s="1"/>
      <c r="L251" s="1"/>
      <c r="M251" s="1">
        <v>1</v>
      </c>
      <c r="N251" s="1">
        <v>1</v>
      </c>
      <c r="O251" s="1">
        <v>35.474326300000001</v>
      </c>
      <c r="P251" s="1">
        <v>133.0770861</v>
      </c>
    </row>
    <row r="252" spans="1:16" ht="14.25" customHeight="1" x14ac:dyDescent="0.15">
      <c r="A252" s="1">
        <v>251</v>
      </c>
      <c r="B252" s="1" t="s">
        <v>1048</v>
      </c>
      <c r="C252" s="1" t="s">
        <v>333</v>
      </c>
      <c r="D252" s="1" t="s">
        <v>1046</v>
      </c>
      <c r="E252" s="1" t="s">
        <v>75</v>
      </c>
      <c r="F252" s="1" t="s">
        <v>1049</v>
      </c>
      <c r="G252" s="1"/>
      <c r="H252" s="1" t="s">
        <v>820</v>
      </c>
      <c r="I252" s="1"/>
      <c r="J252" s="1">
        <v>1</v>
      </c>
      <c r="K252" s="1"/>
      <c r="L252" s="1"/>
      <c r="M252" s="1">
        <v>1</v>
      </c>
      <c r="N252" s="1">
        <v>1</v>
      </c>
      <c r="O252" s="1">
        <v>35.474326300000001</v>
      </c>
      <c r="P252" s="1">
        <v>133.0770861</v>
      </c>
    </row>
    <row r="253" spans="1:16" ht="14.25" customHeight="1" x14ac:dyDescent="0.15">
      <c r="A253" s="1">
        <v>252</v>
      </c>
      <c r="B253" s="1" t="s">
        <v>1050</v>
      </c>
      <c r="C253" s="1" t="s">
        <v>410</v>
      </c>
      <c r="D253" s="1" t="s">
        <v>1051</v>
      </c>
      <c r="E253" s="1" t="s">
        <v>75</v>
      </c>
      <c r="F253" s="1" t="s">
        <v>1052</v>
      </c>
      <c r="G253" s="1"/>
      <c r="H253" s="1" t="s">
        <v>679</v>
      </c>
      <c r="I253" s="1">
        <v>1</v>
      </c>
      <c r="J253" s="1">
        <v>1</v>
      </c>
      <c r="K253" s="1"/>
      <c r="L253" s="1"/>
      <c r="M253" s="1">
        <v>1</v>
      </c>
      <c r="N253" s="1">
        <v>1</v>
      </c>
      <c r="O253" s="1">
        <v>35.437691000000001</v>
      </c>
      <c r="P253" s="1">
        <v>133.0493816</v>
      </c>
    </row>
    <row r="254" spans="1:16" ht="14.25" customHeight="1" x14ac:dyDescent="0.15">
      <c r="A254" s="1">
        <v>253</v>
      </c>
      <c r="B254" s="1" t="s">
        <v>1053</v>
      </c>
      <c r="C254" s="1" t="s">
        <v>324</v>
      </c>
      <c r="D254" s="1" t="s">
        <v>1054</v>
      </c>
      <c r="E254" s="1" t="s">
        <v>75</v>
      </c>
      <c r="F254" s="1" t="s">
        <v>1055</v>
      </c>
      <c r="G254" s="1"/>
      <c r="H254" s="1" t="s">
        <v>679</v>
      </c>
      <c r="I254" s="1"/>
      <c r="J254" s="1">
        <v>1</v>
      </c>
      <c r="K254" s="1"/>
      <c r="L254" s="1"/>
      <c r="M254" s="1">
        <v>1</v>
      </c>
      <c r="N254" s="1">
        <v>1</v>
      </c>
      <c r="O254" s="1">
        <v>35.481119700000001</v>
      </c>
      <c r="P254" s="1">
        <v>133.0692421</v>
      </c>
    </row>
    <row r="255" spans="1:16" ht="14.25" customHeight="1" x14ac:dyDescent="0.15">
      <c r="A255" s="1">
        <v>254</v>
      </c>
      <c r="B255" s="1" t="s">
        <v>1056</v>
      </c>
      <c r="C255" s="1" t="s">
        <v>676</v>
      </c>
      <c r="D255" s="1" t="s">
        <v>1057</v>
      </c>
      <c r="E255" s="1" t="s">
        <v>75</v>
      </c>
      <c r="F255" s="1" t="s">
        <v>1058</v>
      </c>
      <c r="G255" s="1"/>
      <c r="H255" s="1" t="s">
        <v>120</v>
      </c>
      <c r="I255" s="1">
        <v>1</v>
      </c>
      <c r="J255" s="1"/>
      <c r="K255" s="1"/>
      <c r="L255" s="1"/>
      <c r="M255" s="1">
        <v>1</v>
      </c>
      <c r="N255" s="1">
        <v>1</v>
      </c>
      <c r="O255" s="1">
        <v>35.445628900000003</v>
      </c>
      <c r="P255" s="1">
        <v>133.04874530000001</v>
      </c>
    </row>
    <row r="256" spans="1:16" ht="14.25" customHeight="1" x14ac:dyDescent="0.15">
      <c r="A256" s="1">
        <v>255</v>
      </c>
      <c r="B256" s="1" t="s">
        <v>1059</v>
      </c>
      <c r="C256" s="1" t="s">
        <v>1008</v>
      </c>
      <c r="D256" s="1" t="s">
        <v>1060</v>
      </c>
      <c r="E256" s="1" t="s">
        <v>104</v>
      </c>
      <c r="F256" s="1" t="s">
        <v>1010</v>
      </c>
      <c r="G256" s="1" t="s">
        <v>431</v>
      </c>
      <c r="H256" s="1" t="s">
        <v>613</v>
      </c>
      <c r="I256" s="1">
        <v>1</v>
      </c>
      <c r="J256" s="1">
        <v>1</v>
      </c>
      <c r="K256" s="1"/>
      <c r="L256" s="1"/>
      <c r="M256" s="1">
        <v>1</v>
      </c>
      <c r="N256" s="1">
        <v>1</v>
      </c>
      <c r="O256" s="1">
        <v>34.680913799999999</v>
      </c>
      <c r="P256" s="1">
        <v>131.84567279999999</v>
      </c>
    </row>
    <row r="257" spans="1:16" ht="14.25" customHeight="1" x14ac:dyDescent="0.15">
      <c r="A257" s="1">
        <v>256</v>
      </c>
      <c r="B257" s="1" t="s">
        <v>1061</v>
      </c>
      <c r="C257" s="1" t="s">
        <v>297</v>
      </c>
      <c r="D257" s="1" t="s">
        <v>1062</v>
      </c>
      <c r="E257" s="1" t="s">
        <v>75</v>
      </c>
      <c r="F257" s="1" t="s">
        <v>1063</v>
      </c>
      <c r="G257" s="1" t="s">
        <v>70</v>
      </c>
      <c r="H257" s="1"/>
      <c r="I257" s="1">
        <v>1</v>
      </c>
      <c r="J257" s="1">
        <v>1</v>
      </c>
      <c r="K257" s="1"/>
      <c r="L257" s="1"/>
      <c r="M257" s="1">
        <v>1</v>
      </c>
      <c r="N257" s="1">
        <v>1</v>
      </c>
      <c r="O257" s="1">
        <v>35.465831899999998</v>
      </c>
      <c r="P257" s="1">
        <v>133.04368389999999</v>
      </c>
    </row>
    <row r="258" spans="1:16" ht="14.25" customHeight="1" x14ac:dyDescent="0.15">
      <c r="A258" s="1">
        <v>257</v>
      </c>
      <c r="B258" s="1" t="s">
        <v>1064</v>
      </c>
      <c r="C258" s="1" t="s">
        <v>324</v>
      </c>
      <c r="D258" s="1" t="s">
        <v>1065</v>
      </c>
      <c r="E258" s="1" t="s">
        <v>75</v>
      </c>
      <c r="F258" s="1" t="s">
        <v>1066</v>
      </c>
      <c r="G258" s="1"/>
      <c r="H258" s="1"/>
      <c r="I258" s="1"/>
      <c r="J258" s="1"/>
      <c r="K258" s="1"/>
      <c r="L258" s="1"/>
      <c r="M258" s="1">
        <v>0</v>
      </c>
      <c r="N258" s="1">
        <v>0</v>
      </c>
      <c r="O258" s="1">
        <v>35.482330699999999</v>
      </c>
      <c r="P258" s="1">
        <v>133.0694809</v>
      </c>
    </row>
    <row r="259" spans="1:16" ht="14.25" customHeight="1" x14ac:dyDescent="0.15">
      <c r="A259" s="1">
        <v>258</v>
      </c>
      <c r="B259" s="1" t="s">
        <v>1067</v>
      </c>
      <c r="C259" s="1" t="s">
        <v>982</v>
      </c>
      <c r="D259" s="1" t="s">
        <v>1068</v>
      </c>
      <c r="E259" s="1" t="s">
        <v>54</v>
      </c>
      <c r="F259" s="1" t="s">
        <v>1069</v>
      </c>
      <c r="G259" s="1" t="s">
        <v>77</v>
      </c>
      <c r="H259" s="1" t="s">
        <v>1070</v>
      </c>
      <c r="I259" s="1"/>
      <c r="J259" s="1"/>
      <c r="K259" s="1"/>
      <c r="L259" s="1"/>
      <c r="M259" s="1">
        <v>0</v>
      </c>
      <c r="N259" s="1">
        <v>0</v>
      </c>
      <c r="O259" s="1">
        <v>35.1978461</v>
      </c>
      <c r="P259" s="1">
        <v>133.0025651</v>
      </c>
    </row>
    <row r="260" spans="1:16" ht="14.25" customHeight="1" x14ac:dyDescent="0.15">
      <c r="A260" s="1">
        <v>259</v>
      </c>
      <c r="B260" s="1" t="s">
        <v>1071</v>
      </c>
      <c r="C260" s="1" t="s">
        <v>275</v>
      </c>
      <c r="D260" s="1" t="s">
        <v>1072</v>
      </c>
      <c r="E260" s="1" t="s">
        <v>54</v>
      </c>
      <c r="F260" s="1" t="s">
        <v>1073</v>
      </c>
      <c r="G260" s="1" t="s">
        <v>1074</v>
      </c>
      <c r="H260" s="1" t="s">
        <v>71</v>
      </c>
      <c r="I260" s="1">
        <v>1</v>
      </c>
      <c r="J260" s="1">
        <v>1</v>
      </c>
      <c r="K260" s="1"/>
      <c r="L260" s="1"/>
      <c r="M260" s="1">
        <v>1</v>
      </c>
      <c r="N260" s="1">
        <v>0</v>
      </c>
      <c r="O260" s="1">
        <v>35.222752399999997</v>
      </c>
      <c r="P260" s="1">
        <v>133.07959249999999</v>
      </c>
    </row>
    <row r="261" spans="1:16" ht="14.25" customHeight="1" x14ac:dyDescent="0.15">
      <c r="A261" s="1">
        <v>260</v>
      </c>
      <c r="B261" s="1" t="s">
        <v>1075</v>
      </c>
      <c r="C261" s="1" t="s">
        <v>1076</v>
      </c>
      <c r="D261" s="1" t="s">
        <v>1077</v>
      </c>
      <c r="E261" s="1" t="s">
        <v>75</v>
      </c>
      <c r="F261" s="1" t="s">
        <v>1078</v>
      </c>
      <c r="G261" s="1" t="s">
        <v>144</v>
      </c>
      <c r="H261" s="1" t="s">
        <v>295</v>
      </c>
      <c r="I261" s="1">
        <v>1</v>
      </c>
      <c r="J261" s="1">
        <v>1</v>
      </c>
      <c r="K261" s="1"/>
      <c r="L261" s="1"/>
      <c r="M261" s="1">
        <v>1</v>
      </c>
      <c r="N261" s="1">
        <v>0</v>
      </c>
      <c r="O261" s="1">
        <v>35.491415199999999</v>
      </c>
      <c r="P261" s="1">
        <v>133.1764757</v>
      </c>
    </row>
    <row r="262" spans="1:16" ht="14.25" customHeight="1" x14ac:dyDescent="0.15">
      <c r="A262" s="1">
        <v>261</v>
      </c>
      <c r="B262" s="1" t="s">
        <v>1079</v>
      </c>
      <c r="C262" s="1" t="s">
        <v>1080</v>
      </c>
      <c r="D262" s="1" t="s">
        <v>1081</v>
      </c>
      <c r="E262" s="1" t="s">
        <v>75</v>
      </c>
      <c r="F262" s="1" t="s">
        <v>1082</v>
      </c>
      <c r="G262" s="1" t="s">
        <v>1083</v>
      </c>
      <c r="H262" s="1" t="s">
        <v>78</v>
      </c>
      <c r="I262" s="1">
        <v>1</v>
      </c>
      <c r="J262" s="1"/>
      <c r="K262" s="1">
        <v>1</v>
      </c>
      <c r="L262" s="1">
        <v>1</v>
      </c>
      <c r="M262" s="1">
        <v>1</v>
      </c>
      <c r="N262" s="1">
        <v>0</v>
      </c>
      <c r="O262" s="1">
        <v>35.445723800000003</v>
      </c>
      <c r="P262" s="1">
        <v>133.0843759</v>
      </c>
    </row>
    <row r="263" spans="1:16" ht="14.25" customHeight="1" x14ac:dyDescent="0.15">
      <c r="A263" s="1">
        <v>262</v>
      </c>
      <c r="B263" s="1" t="s">
        <v>1084</v>
      </c>
      <c r="C263" s="1" t="s">
        <v>639</v>
      </c>
      <c r="D263" s="1" t="s">
        <v>1085</v>
      </c>
      <c r="E263" s="1" t="s">
        <v>54</v>
      </c>
      <c r="F263" s="1" t="s">
        <v>1086</v>
      </c>
      <c r="G263" s="1" t="s">
        <v>1083</v>
      </c>
      <c r="H263" s="1" t="s">
        <v>78</v>
      </c>
      <c r="I263" s="1">
        <v>1</v>
      </c>
      <c r="J263" s="1"/>
      <c r="K263" s="1">
        <v>1</v>
      </c>
      <c r="L263" s="1">
        <v>1</v>
      </c>
      <c r="M263" s="1">
        <v>1</v>
      </c>
      <c r="N263" s="1">
        <v>0</v>
      </c>
      <c r="O263" s="1">
        <v>35.299557299999996</v>
      </c>
      <c r="P263" s="1">
        <v>132.89184510000001</v>
      </c>
    </row>
    <row r="264" spans="1:16" ht="14.25" customHeight="1" x14ac:dyDescent="0.15">
      <c r="A264" s="1">
        <v>263</v>
      </c>
      <c r="B264" s="1" t="s">
        <v>1087</v>
      </c>
      <c r="C264" s="1" t="s">
        <v>1088</v>
      </c>
      <c r="D264" s="1" t="s">
        <v>1089</v>
      </c>
      <c r="E264" s="1" t="s">
        <v>54</v>
      </c>
      <c r="F264" s="1" t="s">
        <v>1090</v>
      </c>
      <c r="G264" s="1" t="s">
        <v>1083</v>
      </c>
      <c r="H264" s="1" t="s">
        <v>78</v>
      </c>
      <c r="I264" s="1">
        <v>1</v>
      </c>
      <c r="J264" s="1"/>
      <c r="K264" s="1"/>
      <c r="L264" s="1"/>
      <c r="M264" s="1">
        <v>1</v>
      </c>
      <c r="N264" s="1">
        <v>0</v>
      </c>
      <c r="O264" s="1">
        <v>35.3911333</v>
      </c>
      <c r="P264" s="1">
        <v>132.8305063</v>
      </c>
    </row>
    <row r="265" spans="1:16" ht="14.25" customHeight="1" x14ac:dyDescent="0.15">
      <c r="A265" s="1">
        <v>264</v>
      </c>
      <c r="B265" s="1" t="s">
        <v>1091</v>
      </c>
      <c r="C265" s="1" t="s">
        <v>696</v>
      </c>
      <c r="D265" s="1" t="s">
        <v>1092</v>
      </c>
      <c r="E265" s="1" t="s">
        <v>17</v>
      </c>
      <c r="F265" s="1" t="s">
        <v>1093</v>
      </c>
      <c r="G265" s="1" t="s">
        <v>45</v>
      </c>
      <c r="H265" s="1" t="s">
        <v>837</v>
      </c>
      <c r="I265" s="1"/>
      <c r="J265" s="1">
        <v>1</v>
      </c>
      <c r="K265" s="1"/>
      <c r="L265" s="1"/>
      <c r="M265" s="1">
        <v>1</v>
      </c>
      <c r="N265" s="1">
        <v>0</v>
      </c>
      <c r="O265" s="1">
        <v>35.383008199999999</v>
      </c>
      <c r="P265" s="1">
        <v>132.75712200000001</v>
      </c>
    </row>
    <row r="266" spans="1:16" ht="14.25" customHeight="1" x14ac:dyDescent="0.15">
      <c r="A266" s="1">
        <v>265</v>
      </c>
      <c r="B266" s="1" t="s">
        <v>1094</v>
      </c>
      <c r="C266" s="1" t="s">
        <v>1095</v>
      </c>
      <c r="D266" s="1" t="s">
        <v>1096</v>
      </c>
      <c r="E266" s="1" t="s">
        <v>17</v>
      </c>
      <c r="F266" s="1" t="s">
        <v>1097</v>
      </c>
      <c r="G266" s="1" t="s">
        <v>370</v>
      </c>
      <c r="H266" s="1" t="s">
        <v>1098</v>
      </c>
      <c r="I266" s="1">
        <v>1</v>
      </c>
      <c r="J266" s="1">
        <v>1</v>
      </c>
      <c r="K266" s="1"/>
      <c r="L266" s="1"/>
      <c r="M266" s="1">
        <v>1</v>
      </c>
      <c r="N266" s="1">
        <v>0</v>
      </c>
      <c r="O266" s="1">
        <v>35.392044200000001</v>
      </c>
      <c r="P266" s="1">
        <v>132.8051169</v>
      </c>
    </row>
    <row r="267" spans="1:16" ht="14.25" customHeight="1" x14ac:dyDescent="0.15">
      <c r="A267" s="1">
        <v>266</v>
      </c>
      <c r="B267" s="1" t="s">
        <v>1099</v>
      </c>
      <c r="C267" s="1" t="s">
        <v>1100</v>
      </c>
      <c r="D267" s="1" t="s">
        <v>1101</v>
      </c>
      <c r="E267" s="1" t="s">
        <v>75</v>
      </c>
      <c r="F267" s="1" t="s">
        <v>1102</v>
      </c>
      <c r="G267" s="1" t="s">
        <v>349</v>
      </c>
      <c r="H267" s="1" t="s">
        <v>613</v>
      </c>
      <c r="I267" s="1">
        <v>1</v>
      </c>
      <c r="J267" s="1">
        <v>1</v>
      </c>
      <c r="K267" s="1"/>
      <c r="L267" s="1"/>
      <c r="M267" s="1">
        <v>1</v>
      </c>
      <c r="N267" s="1">
        <v>0</v>
      </c>
      <c r="O267" s="1">
        <v>35.5627244</v>
      </c>
      <c r="P267" s="1">
        <v>133.30784980000001</v>
      </c>
    </row>
    <row r="268" spans="1:16" ht="14.25" customHeight="1" x14ac:dyDescent="0.15">
      <c r="A268" s="1">
        <v>267</v>
      </c>
      <c r="B268" s="1" t="s">
        <v>1103</v>
      </c>
      <c r="C268" s="1" t="s">
        <v>179</v>
      </c>
      <c r="D268" s="1" t="s">
        <v>1104</v>
      </c>
      <c r="E268" s="1" t="s">
        <v>75</v>
      </c>
      <c r="F268" s="1" t="s">
        <v>1105</v>
      </c>
      <c r="G268" s="1" t="s">
        <v>45</v>
      </c>
      <c r="H268" s="1" t="s">
        <v>139</v>
      </c>
      <c r="I268" s="1">
        <v>1</v>
      </c>
      <c r="J268" s="1"/>
      <c r="K268" s="1">
        <v>1</v>
      </c>
      <c r="L268" s="1"/>
      <c r="M268" s="1">
        <v>1</v>
      </c>
      <c r="N268" s="1">
        <v>1</v>
      </c>
      <c r="O268" s="1">
        <v>35.4543289</v>
      </c>
      <c r="P268" s="1">
        <v>133.0944188</v>
      </c>
    </row>
    <row r="269" spans="1:16" ht="14.25" customHeight="1" x14ac:dyDescent="0.15">
      <c r="A269" s="1">
        <v>268</v>
      </c>
      <c r="B269" s="1" t="s">
        <v>1106</v>
      </c>
      <c r="C269" s="1" t="s">
        <v>804</v>
      </c>
      <c r="D269" s="1" t="s">
        <v>1107</v>
      </c>
      <c r="E269" s="1" t="s">
        <v>75</v>
      </c>
      <c r="F269" s="1" t="s">
        <v>1108</v>
      </c>
      <c r="G269" s="1" t="s">
        <v>19</v>
      </c>
      <c r="H269" s="1" t="s">
        <v>139</v>
      </c>
      <c r="I269" s="1">
        <v>1</v>
      </c>
      <c r="J269" s="1"/>
      <c r="K269" s="1"/>
      <c r="L269" s="1"/>
      <c r="M269" s="1">
        <v>1</v>
      </c>
      <c r="N269" s="1">
        <v>1</v>
      </c>
      <c r="O269" s="1">
        <v>35.4199445</v>
      </c>
      <c r="P269" s="1">
        <v>133.0087225</v>
      </c>
    </row>
    <row r="270" spans="1:16" ht="14.25" customHeight="1" x14ac:dyDescent="0.15">
      <c r="A270" s="1">
        <v>269</v>
      </c>
      <c r="B270" s="1" t="s">
        <v>1109</v>
      </c>
      <c r="C270" s="1" t="s">
        <v>193</v>
      </c>
      <c r="D270" s="1" t="s">
        <v>1110</v>
      </c>
      <c r="E270" s="1" t="s">
        <v>75</v>
      </c>
      <c r="F270" s="1" t="s">
        <v>1111</v>
      </c>
      <c r="G270" s="1" t="s">
        <v>70</v>
      </c>
      <c r="H270" s="1" t="s">
        <v>71</v>
      </c>
      <c r="I270" s="1">
        <v>1</v>
      </c>
      <c r="J270" s="1">
        <v>1</v>
      </c>
      <c r="K270" s="1"/>
      <c r="L270" s="1"/>
      <c r="M270" s="1">
        <v>1</v>
      </c>
      <c r="N270" s="1">
        <v>1</v>
      </c>
      <c r="O270" s="1">
        <v>35.463818000000003</v>
      </c>
      <c r="P270" s="1">
        <v>133.06241399999999</v>
      </c>
    </row>
    <row r="271" spans="1:16" ht="14.25" customHeight="1" x14ac:dyDescent="0.15">
      <c r="A271" s="1">
        <v>270</v>
      </c>
      <c r="B271" s="1" t="s">
        <v>1112</v>
      </c>
      <c r="C271" s="1" t="s">
        <v>240</v>
      </c>
      <c r="D271" s="1" t="s">
        <v>1113</v>
      </c>
      <c r="E271" s="1" t="s">
        <v>75</v>
      </c>
      <c r="F271" s="1" t="s">
        <v>1114</v>
      </c>
      <c r="G271" s="1" t="s">
        <v>728</v>
      </c>
      <c r="H271" s="1" t="s">
        <v>724</v>
      </c>
      <c r="I271" s="1">
        <v>1</v>
      </c>
      <c r="J271" s="1"/>
      <c r="K271" s="1"/>
      <c r="L271" s="1"/>
      <c r="M271" s="1">
        <v>1</v>
      </c>
      <c r="N271" s="1">
        <v>1</v>
      </c>
      <c r="O271" s="1">
        <v>35.429403499999999</v>
      </c>
      <c r="P271" s="1">
        <v>133.25584259999999</v>
      </c>
    </row>
    <row r="272" spans="1:16" ht="14.25" customHeight="1" x14ac:dyDescent="0.15">
      <c r="A272" s="1">
        <v>271</v>
      </c>
      <c r="B272" s="1" t="s">
        <v>1115</v>
      </c>
      <c r="C272" s="1" t="s">
        <v>804</v>
      </c>
      <c r="D272" s="1" t="s">
        <v>1116</v>
      </c>
      <c r="E272" s="1" t="s">
        <v>75</v>
      </c>
      <c r="F272" s="1" t="s">
        <v>1117</v>
      </c>
      <c r="G272" s="1" t="s">
        <v>431</v>
      </c>
      <c r="H272" s="1" t="s">
        <v>1118</v>
      </c>
      <c r="I272" s="1">
        <v>1</v>
      </c>
      <c r="J272" s="1">
        <v>1</v>
      </c>
      <c r="K272" s="1"/>
      <c r="L272" s="1"/>
      <c r="M272" s="1">
        <v>1</v>
      </c>
      <c r="N272" s="1">
        <v>1</v>
      </c>
      <c r="O272" s="1">
        <v>35.417972399999996</v>
      </c>
      <c r="P272" s="1">
        <v>133.00831700000001</v>
      </c>
    </row>
    <row r="273" spans="1:16" ht="14.25" customHeight="1" x14ac:dyDescent="0.15">
      <c r="A273" s="1">
        <v>272</v>
      </c>
      <c r="B273" s="1" t="s">
        <v>1119</v>
      </c>
      <c r="C273" s="1" t="s">
        <v>173</v>
      </c>
      <c r="D273" s="1" t="s">
        <v>1120</v>
      </c>
      <c r="E273" s="1" t="s">
        <v>75</v>
      </c>
      <c r="F273" s="1" t="s">
        <v>1121</v>
      </c>
      <c r="G273" s="1"/>
      <c r="H273" s="1" t="s">
        <v>683</v>
      </c>
      <c r="I273" s="1"/>
      <c r="J273" s="1">
        <v>1</v>
      </c>
      <c r="K273" s="1"/>
      <c r="L273" s="1"/>
      <c r="M273" s="1">
        <v>1</v>
      </c>
      <c r="N273" s="1">
        <v>1</v>
      </c>
      <c r="O273" s="1">
        <v>35.456372500000001</v>
      </c>
      <c r="P273" s="1">
        <v>133.06719050000001</v>
      </c>
    </row>
    <row r="274" spans="1:16" ht="14.25" customHeight="1" x14ac:dyDescent="0.15">
      <c r="A274" s="1">
        <v>273</v>
      </c>
      <c r="B274" s="1" t="s">
        <v>1122</v>
      </c>
      <c r="C274" s="1" t="s">
        <v>1080</v>
      </c>
      <c r="D274" s="1" t="s">
        <v>1123</v>
      </c>
      <c r="E274" s="1" t="s">
        <v>75</v>
      </c>
      <c r="F274" s="1" t="s">
        <v>1124</v>
      </c>
      <c r="G274" s="1"/>
      <c r="H274" s="1" t="s">
        <v>683</v>
      </c>
      <c r="I274" s="1"/>
      <c r="J274" s="1">
        <v>1</v>
      </c>
      <c r="K274" s="1"/>
      <c r="L274" s="1"/>
      <c r="M274" s="1">
        <v>1</v>
      </c>
      <c r="N274" s="1">
        <v>1</v>
      </c>
      <c r="O274" s="1">
        <v>35.450495500000002</v>
      </c>
      <c r="P274" s="1">
        <v>133.08375340000001</v>
      </c>
    </row>
    <row r="275" spans="1:16" ht="14.25" customHeight="1" x14ac:dyDescent="0.15">
      <c r="A275" s="1">
        <v>274</v>
      </c>
      <c r="B275" s="1" t="s">
        <v>1125</v>
      </c>
      <c r="C275" s="1" t="s">
        <v>37</v>
      </c>
      <c r="D275" s="1" t="s">
        <v>1126</v>
      </c>
      <c r="E275" s="1" t="s">
        <v>17</v>
      </c>
      <c r="F275" s="1" t="s">
        <v>1127</v>
      </c>
      <c r="G275" s="1"/>
      <c r="H275" s="1" t="s">
        <v>683</v>
      </c>
      <c r="I275" s="1"/>
      <c r="J275" s="1">
        <v>1</v>
      </c>
      <c r="K275" s="1"/>
      <c r="L275" s="1"/>
      <c r="M275" s="1">
        <v>1</v>
      </c>
      <c r="N275" s="1">
        <v>1</v>
      </c>
      <c r="O275" s="1">
        <v>35.365748799999999</v>
      </c>
      <c r="P275" s="1">
        <v>132.74357699999999</v>
      </c>
    </row>
    <row r="276" spans="1:16" ht="14.25" customHeight="1" x14ac:dyDescent="0.15">
      <c r="A276" s="1">
        <v>275</v>
      </c>
      <c r="B276" s="1" t="s">
        <v>1128</v>
      </c>
      <c r="C276" s="1" t="s">
        <v>423</v>
      </c>
      <c r="D276" s="1" t="s">
        <v>1129</v>
      </c>
      <c r="E276" s="1" t="s">
        <v>159</v>
      </c>
      <c r="F276" s="1" t="s">
        <v>1130</v>
      </c>
      <c r="G276" s="1"/>
      <c r="H276" s="1" t="s">
        <v>183</v>
      </c>
      <c r="I276" s="1"/>
      <c r="J276" s="1">
        <v>1</v>
      </c>
      <c r="K276" s="1"/>
      <c r="L276" s="1"/>
      <c r="M276" s="1">
        <v>1</v>
      </c>
      <c r="N276" s="1">
        <v>1</v>
      </c>
      <c r="O276" s="1">
        <v>35.198685900000001</v>
      </c>
      <c r="P276" s="1">
        <v>132.49059120000001</v>
      </c>
    </row>
    <row r="277" spans="1:16" ht="14.25" customHeight="1" x14ac:dyDescent="0.15">
      <c r="A277" s="1">
        <v>276</v>
      </c>
      <c r="B277" s="1" t="s">
        <v>1131</v>
      </c>
      <c r="C277" s="1" t="s">
        <v>198</v>
      </c>
      <c r="D277" s="1" t="s">
        <v>1132</v>
      </c>
      <c r="E277" s="1" t="s">
        <v>159</v>
      </c>
      <c r="F277" s="1" t="s">
        <v>1133</v>
      </c>
      <c r="G277" s="1" t="s">
        <v>1134</v>
      </c>
      <c r="H277" s="1" t="s">
        <v>57</v>
      </c>
      <c r="I277" s="1"/>
      <c r="J277" s="1">
        <v>1</v>
      </c>
      <c r="K277" s="1"/>
      <c r="L277" s="1"/>
      <c r="M277" s="1">
        <v>1</v>
      </c>
      <c r="N277" s="1">
        <v>1</v>
      </c>
      <c r="O277" s="1">
        <v>35.192089600000003</v>
      </c>
      <c r="P277" s="1">
        <v>132.49935149999999</v>
      </c>
    </row>
    <row r="278" spans="1:16" ht="14.25" customHeight="1" x14ac:dyDescent="0.15">
      <c r="A278" s="1">
        <v>277</v>
      </c>
      <c r="B278" s="1" t="s">
        <v>1135</v>
      </c>
      <c r="C278" s="1" t="s">
        <v>198</v>
      </c>
      <c r="D278" s="1" t="s">
        <v>1136</v>
      </c>
      <c r="E278" s="1" t="s">
        <v>159</v>
      </c>
      <c r="F278" s="1" t="s">
        <v>1133</v>
      </c>
      <c r="G278" s="1" t="s">
        <v>349</v>
      </c>
      <c r="H278" s="1" t="s">
        <v>1137</v>
      </c>
      <c r="I278" s="1">
        <v>1</v>
      </c>
      <c r="J278" s="1">
        <v>1</v>
      </c>
      <c r="K278" s="1"/>
      <c r="L278" s="1"/>
      <c r="M278" s="1">
        <v>1</v>
      </c>
      <c r="N278" s="1">
        <v>1</v>
      </c>
      <c r="O278" s="1">
        <v>35.185762699999998</v>
      </c>
      <c r="P278" s="1">
        <v>132.50858679999999</v>
      </c>
    </row>
    <row r="279" spans="1:16" ht="14.25" customHeight="1" x14ac:dyDescent="0.15">
      <c r="A279" s="1">
        <v>278</v>
      </c>
      <c r="B279" s="1" t="s">
        <v>1138</v>
      </c>
      <c r="C279" s="1" t="s">
        <v>198</v>
      </c>
      <c r="D279" s="1" t="s">
        <v>1139</v>
      </c>
      <c r="E279" s="1" t="s">
        <v>159</v>
      </c>
      <c r="F279" s="1" t="s">
        <v>1133</v>
      </c>
      <c r="G279" s="1" t="s">
        <v>349</v>
      </c>
      <c r="H279" s="1" t="s">
        <v>1137</v>
      </c>
      <c r="I279" s="1">
        <v>1</v>
      </c>
      <c r="J279" s="1"/>
      <c r="K279" s="1"/>
      <c r="L279" s="1"/>
      <c r="M279" s="1">
        <v>1</v>
      </c>
      <c r="N279" s="1">
        <v>1</v>
      </c>
      <c r="O279" s="1">
        <v>35.193145100000002</v>
      </c>
      <c r="P279" s="1">
        <v>132.49909880000001</v>
      </c>
    </row>
    <row r="280" spans="1:16" ht="14.25" customHeight="1" x14ac:dyDescent="0.15">
      <c r="A280" s="1">
        <v>279</v>
      </c>
      <c r="B280" s="1" t="s">
        <v>1140</v>
      </c>
      <c r="C280" s="1" t="s">
        <v>1141</v>
      </c>
      <c r="D280" s="1" t="s">
        <v>1142</v>
      </c>
      <c r="E280" s="1" t="s">
        <v>159</v>
      </c>
      <c r="F280" s="1" t="s">
        <v>1143</v>
      </c>
      <c r="G280" s="1" t="s">
        <v>1144</v>
      </c>
      <c r="H280" s="1" t="s">
        <v>57</v>
      </c>
      <c r="I280" s="1">
        <v>1</v>
      </c>
      <c r="J280" s="1"/>
      <c r="K280" s="1"/>
      <c r="L280" s="1"/>
      <c r="M280" s="1">
        <v>1</v>
      </c>
      <c r="N280" s="1">
        <v>1</v>
      </c>
      <c r="O280" s="1">
        <v>35.089881200000001</v>
      </c>
      <c r="P280" s="1">
        <v>132.35760830000001</v>
      </c>
    </row>
    <row r="281" spans="1:16" ht="14.25" customHeight="1" x14ac:dyDescent="0.15">
      <c r="A281" s="1">
        <v>280</v>
      </c>
      <c r="B281" s="1" t="s">
        <v>1145</v>
      </c>
      <c r="C281" s="1" t="s">
        <v>204</v>
      </c>
      <c r="D281" s="1" t="s">
        <v>1146</v>
      </c>
      <c r="E281" s="1" t="s">
        <v>159</v>
      </c>
      <c r="F281" s="1" t="s">
        <v>1147</v>
      </c>
      <c r="G281" s="1" t="s">
        <v>1144</v>
      </c>
      <c r="H281" s="1" t="s">
        <v>57</v>
      </c>
      <c r="I281" s="1">
        <v>1</v>
      </c>
      <c r="J281" s="1">
        <v>1</v>
      </c>
      <c r="K281" s="1">
        <v>1</v>
      </c>
      <c r="L281" s="1"/>
      <c r="M281" s="1">
        <v>1</v>
      </c>
      <c r="N281" s="1">
        <v>1</v>
      </c>
      <c r="O281" s="1">
        <v>35.148441900000002</v>
      </c>
      <c r="P281" s="1">
        <v>132.40656670000001</v>
      </c>
    </row>
    <row r="282" spans="1:16" ht="14.25" customHeight="1" x14ac:dyDescent="0.15">
      <c r="A282" s="1">
        <v>281</v>
      </c>
      <c r="B282" s="1" t="s">
        <v>1148</v>
      </c>
      <c r="C282" s="1" t="s">
        <v>1149</v>
      </c>
      <c r="D282" s="1" t="s">
        <v>1150</v>
      </c>
      <c r="E282" s="1" t="s">
        <v>159</v>
      </c>
      <c r="F282" s="1" t="s">
        <v>1151</v>
      </c>
      <c r="G282" s="1" t="s">
        <v>1152</v>
      </c>
      <c r="H282" s="1" t="s">
        <v>145</v>
      </c>
      <c r="I282" s="1">
        <v>1</v>
      </c>
      <c r="J282" s="1">
        <v>1</v>
      </c>
      <c r="K282" s="1"/>
      <c r="L282" s="1"/>
      <c r="M282" s="1">
        <v>1</v>
      </c>
      <c r="N282" s="1">
        <v>1</v>
      </c>
      <c r="O282" s="1">
        <v>35.121078900000001</v>
      </c>
      <c r="P282" s="1">
        <v>132.44759930000001</v>
      </c>
    </row>
    <row r="283" spans="1:16" ht="14.25" customHeight="1" x14ac:dyDescent="0.15">
      <c r="A283" s="1">
        <v>282</v>
      </c>
      <c r="B283" s="1" t="s">
        <v>1153</v>
      </c>
      <c r="C283" s="1" t="s">
        <v>1149</v>
      </c>
      <c r="D283" s="1" t="s">
        <v>1154</v>
      </c>
      <c r="E283" s="1" t="s">
        <v>159</v>
      </c>
      <c r="F283" s="1" t="s">
        <v>1155</v>
      </c>
      <c r="G283" s="1" t="s">
        <v>1156</v>
      </c>
      <c r="H283" s="1" t="s">
        <v>295</v>
      </c>
      <c r="I283" s="1">
        <v>1</v>
      </c>
      <c r="J283" s="1">
        <v>1</v>
      </c>
      <c r="K283" s="1">
        <v>1</v>
      </c>
      <c r="L283" s="1">
        <v>1</v>
      </c>
      <c r="M283" s="1">
        <v>1</v>
      </c>
      <c r="N283" s="1">
        <v>1</v>
      </c>
      <c r="O283" s="1">
        <v>35.105683200000001</v>
      </c>
      <c r="P283" s="1">
        <v>132.4517299</v>
      </c>
    </row>
    <row r="284" spans="1:16" ht="14.25" customHeight="1" x14ac:dyDescent="0.15">
      <c r="A284" s="1">
        <v>283</v>
      </c>
      <c r="B284" s="1" t="s">
        <v>1157</v>
      </c>
      <c r="C284" s="1" t="s">
        <v>198</v>
      </c>
      <c r="D284" s="1" t="s">
        <v>1158</v>
      </c>
      <c r="E284" s="1" t="s">
        <v>159</v>
      </c>
      <c r="F284" s="1" t="s">
        <v>1159</v>
      </c>
      <c r="G284" s="1" t="s">
        <v>1074</v>
      </c>
      <c r="H284" s="1" t="s">
        <v>84</v>
      </c>
      <c r="I284" s="1">
        <v>1</v>
      </c>
      <c r="J284" s="1"/>
      <c r="K284" s="1">
        <v>1</v>
      </c>
      <c r="L284" s="1"/>
      <c r="M284" s="1">
        <v>1</v>
      </c>
      <c r="N284" s="1">
        <v>1</v>
      </c>
      <c r="O284" s="1">
        <v>35.090570100000001</v>
      </c>
      <c r="P284" s="1">
        <v>132.3561584</v>
      </c>
    </row>
    <row r="285" spans="1:16" ht="14.25" customHeight="1" x14ac:dyDescent="0.15">
      <c r="A285" s="1">
        <v>284</v>
      </c>
      <c r="B285" s="1" t="s">
        <v>1160</v>
      </c>
      <c r="C285" s="1" t="s">
        <v>198</v>
      </c>
      <c r="D285" s="1" t="s">
        <v>1161</v>
      </c>
      <c r="E285" s="1" t="s">
        <v>159</v>
      </c>
      <c r="F285" s="1" t="s">
        <v>1162</v>
      </c>
      <c r="G285" s="1" t="s">
        <v>864</v>
      </c>
      <c r="H285" s="1" t="s">
        <v>78</v>
      </c>
      <c r="I285" s="1">
        <v>1</v>
      </c>
      <c r="J285" s="1"/>
      <c r="K285" s="1">
        <v>1</v>
      </c>
      <c r="L285" s="1"/>
      <c r="M285" s="1">
        <v>1</v>
      </c>
      <c r="N285" s="1">
        <v>1</v>
      </c>
      <c r="O285" s="1">
        <v>35.2220534</v>
      </c>
      <c r="P285" s="1">
        <v>132.51401089999999</v>
      </c>
    </row>
    <row r="286" spans="1:16" ht="14.25" customHeight="1" x14ac:dyDescent="0.15">
      <c r="A286" s="1">
        <v>285</v>
      </c>
      <c r="B286" s="1" t="s">
        <v>1163</v>
      </c>
      <c r="C286" s="1" t="s">
        <v>531</v>
      </c>
      <c r="D286" s="1" t="s">
        <v>1164</v>
      </c>
      <c r="E286" s="1" t="s">
        <v>75</v>
      </c>
      <c r="F286" s="1" t="s">
        <v>1165</v>
      </c>
      <c r="G286" s="1" t="s">
        <v>56</v>
      </c>
      <c r="H286" s="1" t="s">
        <v>1166</v>
      </c>
      <c r="I286" s="1"/>
      <c r="J286" s="1">
        <v>1</v>
      </c>
      <c r="K286" s="1"/>
      <c r="L286" s="1"/>
      <c r="M286" s="1">
        <v>1</v>
      </c>
      <c r="N286" s="1">
        <v>0</v>
      </c>
      <c r="O286" s="1">
        <v>35.431458900000003</v>
      </c>
      <c r="P286" s="1">
        <v>133.1422651</v>
      </c>
    </row>
    <row r="287" spans="1:16" ht="14.25" customHeight="1" x14ac:dyDescent="0.15">
      <c r="A287" s="1">
        <v>286</v>
      </c>
      <c r="B287" s="1" t="s">
        <v>1167</v>
      </c>
      <c r="C287" s="1" t="s">
        <v>1168</v>
      </c>
      <c r="D287" s="1" t="s">
        <v>1169</v>
      </c>
      <c r="E287" s="1" t="s">
        <v>54</v>
      </c>
      <c r="F287" s="1" t="s">
        <v>1170</v>
      </c>
      <c r="G287" s="1" t="s">
        <v>144</v>
      </c>
      <c r="H287" s="1" t="s">
        <v>1171</v>
      </c>
      <c r="I287" s="1">
        <v>1</v>
      </c>
      <c r="J287" s="1"/>
      <c r="K287" s="1"/>
      <c r="L287" s="1"/>
      <c r="M287" s="1">
        <v>1</v>
      </c>
      <c r="N287" s="1">
        <v>0</v>
      </c>
      <c r="O287" s="1">
        <v>35.295374299999999</v>
      </c>
      <c r="P287" s="1">
        <v>132.88269890000001</v>
      </c>
    </row>
    <row r="288" spans="1:16" ht="14.25" customHeight="1" x14ac:dyDescent="0.15">
      <c r="A288" s="1">
        <v>287</v>
      </c>
      <c r="B288" s="1" t="s">
        <v>1172</v>
      </c>
      <c r="C288" s="1" t="s">
        <v>804</v>
      </c>
      <c r="D288" s="1" t="s">
        <v>1173</v>
      </c>
      <c r="E288" s="1" t="s">
        <v>75</v>
      </c>
      <c r="F288" s="1" t="s">
        <v>1174</v>
      </c>
      <c r="G288" s="1"/>
      <c r="H288" s="1"/>
      <c r="I288" s="1">
        <v>1</v>
      </c>
      <c r="J288" s="1">
        <v>1</v>
      </c>
      <c r="K288" s="1"/>
      <c r="L288" s="1"/>
      <c r="M288" s="1">
        <v>1</v>
      </c>
      <c r="N288" s="1">
        <v>0</v>
      </c>
      <c r="O288" s="1">
        <v>35.419272399999997</v>
      </c>
      <c r="P288" s="1">
        <v>133.00955300000001</v>
      </c>
    </row>
    <row r="289" spans="1:16" ht="14.25" customHeight="1" x14ac:dyDescent="0.15">
      <c r="A289" s="1">
        <v>288</v>
      </c>
      <c r="B289" s="1" t="s">
        <v>1175</v>
      </c>
      <c r="C289" s="1" t="s">
        <v>130</v>
      </c>
      <c r="D289" s="1" t="s">
        <v>1176</v>
      </c>
      <c r="E289" s="1" t="s">
        <v>132</v>
      </c>
      <c r="F289" s="1" t="s">
        <v>1177</v>
      </c>
      <c r="G289" s="1" t="s">
        <v>1178</v>
      </c>
      <c r="H289" s="1" t="s">
        <v>1179</v>
      </c>
      <c r="I289" s="1">
        <v>1</v>
      </c>
      <c r="J289" s="1"/>
      <c r="K289" s="1"/>
      <c r="L289" s="1"/>
      <c r="M289" s="1">
        <v>1</v>
      </c>
      <c r="N289" s="1">
        <v>0</v>
      </c>
      <c r="O289" s="1">
        <v>35.012714600000002</v>
      </c>
      <c r="P289" s="1">
        <v>132.21753340000001</v>
      </c>
    </row>
    <row r="290" spans="1:16" ht="14.25" customHeight="1" x14ac:dyDescent="0.15">
      <c r="A290" s="1">
        <v>289</v>
      </c>
      <c r="B290" s="1" t="s">
        <v>1180</v>
      </c>
      <c r="C290" s="1" t="s">
        <v>1181</v>
      </c>
      <c r="D290" s="1" t="s">
        <v>1182</v>
      </c>
      <c r="E290" s="1" t="s">
        <v>104</v>
      </c>
      <c r="F290" s="1" t="s">
        <v>1183</v>
      </c>
      <c r="G290" s="1" t="s">
        <v>1184</v>
      </c>
      <c r="H290" s="1" t="s">
        <v>345</v>
      </c>
      <c r="I290" s="1">
        <v>1</v>
      </c>
      <c r="J290" s="1">
        <v>1</v>
      </c>
      <c r="K290" s="1">
        <v>1</v>
      </c>
      <c r="L290" s="1">
        <v>1</v>
      </c>
      <c r="M290" s="1">
        <v>1</v>
      </c>
      <c r="N290" s="1">
        <v>0</v>
      </c>
      <c r="O290" s="1">
        <v>34.6499892</v>
      </c>
      <c r="P290" s="1">
        <v>131.812746</v>
      </c>
    </row>
    <row r="291" spans="1:16" ht="14.25" customHeight="1" x14ac:dyDescent="0.15">
      <c r="A291" s="1">
        <v>290</v>
      </c>
      <c r="B291" s="1" t="s">
        <v>1185</v>
      </c>
      <c r="C291" s="1" t="s">
        <v>37</v>
      </c>
      <c r="D291" s="1" t="s">
        <v>1186</v>
      </c>
      <c r="E291" s="1" t="s">
        <v>17</v>
      </c>
      <c r="F291" s="1" t="s">
        <v>1187</v>
      </c>
      <c r="G291" s="1" t="s">
        <v>1184</v>
      </c>
      <c r="H291" s="1" t="s">
        <v>345</v>
      </c>
      <c r="I291" s="1">
        <v>1</v>
      </c>
      <c r="J291" s="1">
        <v>1</v>
      </c>
      <c r="K291" s="1">
        <v>1</v>
      </c>
      <c r="L291" s="1">
        <v>1</v>
      </c>
      <c r="M291" s="1">
        <v>1</v>
      </c>
      <c r="N291" s="1">
        <v>0</v>
      </c>
      <c r="O291" s="1">
        <v>35.364340599999998</v>
      </c>
      <c r="P291" s="1">
        <v>132.74301869999999</v>
      </c>
    </row>
    <row r="292" spans="1:16" ht="14.25" customHeight="1" x14ac:dyDescent="0.15">
      <c r="A292" s="1">
        <v>291</v>
      </c>
      <c r="B292" s="1" t="s">
        <v>1188</v>
      </c>
      <c r="C292" s="1" t="s">
        <v>410</v>
      </c>
      <c r="D292" s="1" t="s">
        <v>1189</v>
      </c>
      <c r="E292" s="1" t="s">
        <v>75</v>
      </c>
      <c r="F292" s="1" t="s">
        <v>1190</v>
      </c>
      <c r="G292" s="1" t="s">
        <v>1191</v>
      </c>
      <c r="H292" s="1" t="s">
        <v>1192</v>
      </c>
      <c r="I292" s="1">
        <v>1</v>
      </c>
      <c r="J292" s="1"/>
      <c r="K292" s="1">
        <v>1</v>
      </c>
      <c r="L292" s="1">
        <v>1</v>
      </c>
      <c r="M292" s="1">
        <v>1</v>
      </c>
      <c r="N292" s="1">
        <v>1</v>
      </c>
      <c r="O292" s="1">
        <v>35.454561400000003</v>
      </c>
      <c r="P292" s="1">
        <v>133.05693020000001</v>
      </c>
    </row>
    <row r="293" spans="1:16" ht="14.25" customHeight="1" x14ac:dyDescent="0.15">
      <c r="A293" s="1">
        <v>292</v>
      </c>
      <c r="B293" s="1" t="s">
        <v>1193</v>
      </c>
      <c r="C293" s="1" t="s">
        <v>750</v>
      </c>
      <c r="D293" s="1" t="s">
        <v>1035</v>
      </c>
      <c r="E293" s="1" t="s">
        <v>159</v>
      </c>
      <c r="F293" s="1" t="s">
        <v>1194</v>
      </c>
      <c r="G293" s="1" t="s">
        <v>1195</v>
      </c>
      <c r="H293" s="1" t="s">
        <v>1196</v>
      </c>
      <c r="I293" s="1">
        <v>1</v>
      </c>
      <c r="J293" s="1"/>
      <c r="K293" s="1">
        <v>1</v>
      </c>
      <c r="L293" s="1"/>
      <c r="M293" s="1">
        <v>1</v>
      </c>
      <c r="N293" s="1">
        <v>0</v>
      </c>
      <c r="O293" s="1">
        <v>35.197597100000003</v>
      </c>
      <c r="P293" s="1">
        <v>132.48095040000001</v>
      </c>
    </row>
    <row r="294" spans="1:16" ht="14.25" customHeight="1" x14ac:dyDescent="0.15">
      <c r="A294" s="1">
        <v>293</v>
      </c>
      <c r="B294" s="1" t="s">
        <v>1197</v>
      </c>
      <c r="C294" s="1" t="s">
        <v>179</v>
      </c>
      <c r="D294" s="1" t="s">
        <v>1198</v>
      </c>
      <c r="E294" s="1" t="s">
        <v>75</v>
      </c>
      <c r="F294" s="1" t="s">
        <v>1199</v>
      </c>
      <c r="G294" s="1" t="s">
        <v>1200</v>
      </c>
      <c r="H294" s="1" t="s">
        <v>1201</v>
      </c>
      <c r="I294" s="1">
        <v>1</v>
      </c>
      <c r="J294" s="1"/>
      <c r="K294" s="1">
        <v>1</v>
      </c>
      <c r="L294" s="1">
        <v>1</v>
      </c>
      <c r="M294" s="1">
        <v>1</v>
      </c>
      <c r="N294" s="1">
        <v>0</v>
      </c>
      <c r="O294" s="1">
        <v>35.453962099999998</v>
      </c>
      <c r="P294" s="1">
        <v>133.09161359999999</v>
      </c>
    </row>
    <row r="295" spans="1:16" ht="14.25" customHeight="1" x14ac:dyDescent="0.15">
      <c r="A295" s="1">
        <v>294</v>
      </c>
      <c r="B295" s="1" t="s">
        <v>1202</v>
      </c>
      <c r="C295" s="1" t="s">
        <v>1203</v>
      </c>
      <c r="D295" s="1" t="s">
        <v>1204</v>
      </c>
      <c r="E295" s="1" t="s">
        <v>132</v>
      </c>
      <c r="F295" s="1" t="s">
        <v>1205</v>
      </c>
      <c r="G295" s="1" t="s">
        <v>1206</v>
      </c>
      <c r="H295" s="1" t="s">
        <v>1207</v>
      </c>
      <c r="I295" s="1">
        <v>1</v>
      </c>
      <c r="J295" s="1"/>
      <c r="K295" s="1">
        <v>1</v>
      </c>
      <c r="L295" s="1">
        <v>1</v>
      </c>
      <c r="M295" s="1">
        <v>1</v>
      </c>
      <c r="N295" s="1">
        <v>1</v>
      </c>
      <c r="O295" s="1">
        <v>34.902891099999998</v>
      </c>
      <c r="P295" s="1">
        <v>132.0795832</v>
      </c>
    </row>
    <row r="296" spans="1:16" ht="14.25" customHeight="1" x14ac:dyDescent="0.15">
      <c r="A296" s="1">
        <v>295</v>
      </c>
      <c r="B296" s="1" t="s">
        <v>1208</v>
      </c>
      <c r="C296" s="1" t="s">
        <v>1209</v>
      </c>
      <c r="D296" s="1" t="s">
        <v>1210</v>
      </c>
      <c r="E296" s="1" t="s">
        <v>75</v>
      </c>
      <c r="F296" s="1" t="s">
        <v>1211</v>
      </c>
      <c r="G296" s="1" t="s">
        <v>1212</v>
      </c>
      <c r="H296" s="1" t="s">
        <v>1213</v>
      </c>
      <c r="I296" s="1">
        <v>1</v>
      </c>
      <c r="J296" s="1"/>
      <c r="K296" s="1">
        <v>1</v>
      </c>
      <c r="L296" s="1"/>
      <c r="M296" s="1">
        <v>1</v>
      </c>
      <c r="N296" s="1"/>
      <c r="O296" s="1">
        <v>35.476064399999998</v>
      </c>
      <c r="P296" s="1">
        <v>133.0588794</v>
      </c>
    </row>
    <row r="297" spans="1:16" ht="14.25" customHeight="1" x14ac:dyDescent="0.15">
      <c r="A297" s="1">
        <v>296</v>
      </c>
      <c r="B297" s="1" t="s">
        <v>1214</v>
      </c>
      <c r="C297" s="1" t="s">
        <v>1215</v>
      </c>
      <c r="D297" s="1" t="s">
        <v>1216</v>
      </c>
      <c r="E297" s="1" t="s">
        <v>132</v>
      </c>
      <c r="F297" s="1" t="s">
        <v>1217</v>
      </c>
      <c r="G297" s="1" t="s">
        <v>1218</v>
      </c>
      <c r="H297" s="1" t="s">
        <v>57</v>
      </c>
      <c r="I297" s="1">
        <v>1</v>
      </c>
      <c r="J297" s="1">
        <v>1</v>
      </c>
      <c r="K297" s="1"/>
      <c r="L297" s="1"/>
      <c r="M297" s="1">
        <v>1</v>
      </c>
      <c r="N297" s="1">
        <v>1</v>
      </c>
      <c r="O297" s="1">
        <v>35.472248</v>
      </c>
      <c r="P297" s="1">
        <v>133.05083020000001</v>
      </c>
    </row>
    <row r="298" spans="1:16" ht="14.25" customHeight="1" x14ac:dyDescent="0.15">
      <c r="A298" s="1">
        <v>297</v>
      </c>
      <c r="B298" s="1" t="s">
        <v>1219</v>
      </c>
      <c r="C298" s="1" t="s">
        <v>1220</v>
      </c>
      <c r="D298" s="1" t="s">
        <v>1221</v>
      </c>
      <c r="E298" s="1" t="s">
        <v>132</v>
      </c>
      <c r="F298" s="1" t="s">
        <v>1222</v>
      </c>
      <c r="G298" s="1" t="s">
        <v>1218</v>
      </c>
      <c r="H298" s="1" t="s">
        <v>57</v>
      </c>
      <c r="I298" s="1">
        <v>1</v>
      </c>
      <c r="J298" s="1">
        <v>1</v>
      </c>
      <c r="K298" s="1"/>
      <c r="L298" s="1">
        <v>1</v>
      </c>
      <c r="M298" s="1">
        <v>1</v>
      </c>
      <c r="N298" s="1">
        <v>1</v>
      </c>
      <c r="O298" s="1">
        <v>34.858894599999999</v>
      </c>
      <c r="P298" s="1">
        <v>132.2595379</v>
      </c>
    </row>
    <row r="299" spans="1:16" ht="14.25" customHeight="1" x14ac:dyDescent="0.15">
      <c r="A299" s="1">
        <v>298</v>
      </c>
      <c r="B299" s="1" t="s">
        <v>1223</v>
      </c>
      <c r="C299" s="1" t="s">
        <v>1224</v>
      </c>
      <c r="D299" s="1" t="s">
        <v>1225</v>
      </c>
      <c r="E299" s="1" t="s">
        <v>132</v>
      </c>
      <c r="F299" s="1" t="s">
        <v>1226</v>
      </c>
      <c r="G299" s="1" t="s">
        <v>431</v>
      </c>
      <c r="H299" s="1" t="s">
        <v>111</v>
      </c>
      <c r="I299" s="1">
        <v>1</v>
      </c>
      <c r="J299" s="1">
        <v>1</v>
      </c>
      <c r="K299" s="1"/>
      <c r="L299" s="1"/>
      <c r="M299" s="1">
        <v>1</v>
      </c>
      <c r="N299" s="1"/>
      <c r="O299" s="1">
        <v>34.903816200000001</v>
      </c>
      <c r="P299" s="1">
        <v>132.0887907</v>
      </c>
    </row>
    <row r="300" spans="1:16" ht="14.25" customHeight="1" x14ac:dyDescent="0.15">
      <c r="A300" s="1">
        <v>299</v>
      </c>
      <c r="B300" s="1" t="s">
        <v>1185</v>
      </c>
      <c r="C300" s="1" t="s">
        <v>37</v>
      </c>
      <c r="D300" s="1" t="s">
        <v>1186</v>
      </c>
      <c r="E300" s="1" t="s">
        <v>17</v>
      </c>
      <c r="F300" s="1" t="s">
        <v>1187</v>
      </c>
      <c r="G300" s="1" t="s">
        <v>1184</v>
      </c>
      <c r="H300" s="1" t="s">
        <v>345</v>
      </c>
      <c r="I300" s="1">
        <v>1</v>
      </c>
      <c r="J300" s="1">
        <v>1</v>
      </c>
      <c r="K300" s="1">
        <v>1</v>
      </c>
      <c r="L300" s="1">
        <v>1</v>
      </c>
      <c r="M300" s="1">
        <v>1</v>
      </c>
      <c r="N300" s="1">
        <v>0</v>
      </c>
      <c r="O300" s="1">
        <v>35.364340599999998</v>
      </c>
      <c r="P300" s="1">
        <v>132.74301869999999</v>
      </c>
    </row>
  </sheetData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赤ちゃんほっとルーム</vt:lpstr>
      <vt:lpstr>赤ちゃんほっとルーム!data_0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2722</dc:creator>
  <cp:lastModifiedBy>s00150</cp:lastModifiedBy>
  <dcterms:created xsi:type="dcterms:W3CDTF">2017-02-23T04:41:40Z</dcterms:created>
  <dcterms:modified xsi:type="dcterms:W3CDTF">2017-09-28T02:52:14Z</dcterms:modified>
</cp:coreProperties>
</file>